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persons/person.xml" ContentType="application/vnd.ms-excel.perso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2527"/>
  <workbookPr filterPrivacy="1" codeName="ThisWorkbook"/>
  <xr:revisionPtr revIDLastSave="0" documentId="13_ncr:1_{56D237D4-B0ED-4589-806E-5C51CEBEECA0}" xr6:coauthVersionLast="45" xr6:coauthVersionMax="45" xr10:uidLastSave="{00000000-0000-0000-0000-000000000000}"/>
  <bookViews>
    <workbookView xWindow="-28920" yWindow="-855" windowWidth="27645" windowHeight="16440" xr2:uid="{B29A6791-05A7-4AC1-A88D-819C90D54631}"/>
  </bookViews>
  <sheets>
    <sheet name="Cover sheet" sheetId="264" r:id="rId1"/>
    <sheet name="EU KM1" sheetId="229" r:id="rId2"/>
    <sheet name="EU CR1-A" sheetId="228" r:id="rId3"/>
    <sheet name="EU CR1-B" sheetId="60" r:id="rId4"/>
    <sheet name="EU CR1-C" sheetId="61" r:id="rId5"/>
    <sheet name="EU CQ1" sheetId="243" r:id="rId6"/>
    <sheet name="EU CQ3" sheetId="244" r:id="rId7"/>
    <sheet name="EU CR1" sheetId="245" r:id="rId8"/>
    <sheet name="EU CQ7" sheetId="246" r:id="rId9"/>
    <sheet name="MOR1" sheetId="256" r:id="rId10"/>
    <sheet name="MOR2" sheetId="257" r:id="rId11"/>
    <sheet name="PUBLGUAR" sheetId="258" r:id="rId12"/>
    <sheet name="EU CR2-A" sheetId="247" r:id="rId13"/>
    <sheet name="EU CR2-B" sheetId="248" r:id="rId14"/>
    <sheet name="EU CR3" sheetId="222" r:id="rId15"/>
    <sheet name="EU CR4" sheetId="71" r:id="rId16"/>
    <sheet name="EU CR5" sheetId="72" r:id="rId17"/>
    <sheet name="EU CR6" sheetId="73" r:id="rId18"/>
    <sheet name="EU CR7" sheetId="74" r:id="rId19"/>
    <sheet name="EU CCR1" sheetId="76" r:id="rId20"/>
    <sheet name="EU CCR2" sheetId="77" r:id="rId21"/>
    <sheet name="EU CCR3" sheetId="78" r:id="rId22"/>
    <sheet name="EU CCR4" sheetId="79" r:id="rId23"/>
    <sheet name="EU CCR5A" sheetId="80" r:id="rId24"/>
    <sheet name="EU CCR5B" sheetId="81" r:id="rId25"/>
    <sheet name="EU CCR6" sheetId="82" r:id="rId26"/>
    <sheet name="EU CCR8" sheetId="30" r:id="rId27"/>
    <sheet name="EU MR1" sheetId="83" r:id="rId28"/>
    <sheet name="EU MR2-A" sheetId="84" r:id="rId29"/>
    <sheet name="EU MR3" sheetId="262" r:id="rId30"/>
    <sheet name="EU OV1" sheetId="177" r:id="rId31"/>
    <sheet name="EU CR8" sheetId="178" r:id="rId32"/>
    <sheet name="EU CCR7" sheetId="179" r:id="rId33"/>
    <sheet name="EU MR2-B" sheetId="180" r:id="rId34"/>
    <sheet name="EU INS1" sheetId="70" r:id="rId35"/>
    <sheet name="OF" sheetId="181" r:id="rId36"/>
    <sheet name="Capital instruments" sheetId="251" r:id="rId37"/>
  </sheets>
  <externalReferences>
    <externalReference r:id="rId38"/>
    <externalReference r:id="rId39"/>
  </externalReferences>
  <definedNames>
    <definedName name="_xlnm._FilterDatabase" localSheetId="22" hidden="1">'EU CCR4'!$A$3:$J$56</definedName>
    <definedName name="csDesignMode">1</definedName>
    <definedName name="lmc" localSheetId="36">#REF!</definedName>
    <definedName name="lmc" localSheetId="0">#REF!</definedName>
    <definedName name="lmc" localSheetId="20">#REF!</definedName>
    <definedName name="lmc" localSheetId="21">#REF!</definedName>
    <definedName name="lmc" localSheetId="22">#REF!</definedName>
    <definedName name="lmc" localSheetId="25">#REF!</definedName>
    <definedName name="lmc" localSheetId="2">#REF!</definedName>
    <definedName name="lmc" localSheetId="14">#REF!</definedName>
    <definedName name="lmc" localSheetId="1">#REF!</definedName>
    <definedName name="lmc" localSheetId="27">#REF!</definedName>
    <definedName name="lmc" localSheetId="28">#REF!</definedName>
    <definedName name="lmc" localSheetId="29">#REF!</definedName>
    <definedName name="lmc" localSheetId="9">#REF!</definedName>
    <definedName name="lmc" localSheetId="10">#REF!</definedName>
    <definedName name="lmc" localSheetId="35">#REF!</definedName>
    <definedName name="lmc" localSheetId="11">#REF!</definedName>
    <definedName name="lmc">#REF!</definedName>
    <definedName name="_xlnm.Print_Area" localSheetId="36">'Capital instruments'!$A$1:$G$50</definedName>
    <definedName name="_xlnm.Print_Area" localSheetId="0">'Cover sheet'!$B$1:$C$38</definedName>
    <definedName name="_xlnm.Print_Area" localSheetId="22">'EU CCR4'!$A$1:$R$55</definedName>
    <definedName name="_xlnm.Print_Area" localSheetId="5">'EU CQ1'!$A$1:$V$18</definedName>
    <definedName name="_xlnm.Print_Area" localSheetId="6">'EU CQ3'!$A$1:$AD$32</definedName>
    <definedName name="_xlnm.Print_Area" localSheetId="8">'EU CQ7'!$A$1:$L$16</definedName>
    <definedName name="_xlnm.Print_Area" localSheetId="7">'EU CR1'!$A$1:$AJ$30</definedName>
    <definedName name="_xlnm.Print_Area" localSheetId="2">'EU CR1-A'!$A$1:$I$53</definedName>
    <definedName name="_xlnm.Print_Area" localSheetId="3">'EU CR1-B'!$A$1:$I$49</definedName>
    <definedName name="_xlnm.Print_Area" localSheetId="4">'EU CR1-C'!$A$1:$I$35</definedName>
    <definedName name="_xlnm.Print_Area" localSheetId="12">'EU CR2-A'!$A$1:$D$18</definedName>
    <definedName name="_xlnm.Print_Area" localSheetId="13">'EU CR2-B'!$A$1:$C$14</definedName>
    <definedName name="_xlnm.Print_Area" localSheetId="14">'EU CR3'!$A$1:$G$19</definedName>
    <definedName name="_xlnm.Print_Area" localSheetId="17">'EU CR6'!$A$1:$O$152</definedName>
    <definedName name="_xlnm.Print_Area" localSheetId="18">'EU CR7'!$A$1:$G$24</definedName>
    <definedName name="_xlnm.Print_Area" localSheetId="31">'EU CR8'!$A$1:$D$15</definedName>
    <definedName name="_xlnm.Print_Area" localSheetId="34">'EU INS1'!$A$1:$D$8</definedName>
    <definedName name="_xlnm.Print_Area" localSheetId="1">'EU KM1'!$A$1:$H$29</definedName>
    <definedName name="_xlnm.Print_Area" localSheetId="29">'EU MR3'!$A$1:$D$25</definedName>
    <definedName name="_xlnm.Print_Area" localSheetId="9">'MOR1'!$A$1:$R$27</definedName>
    <definedName name="_xlnm.Print_Area" localSheetId="10">'MOR2'!$A$1:$L$31</definedName>
    <definedName name="_xlnm.Print_Area" localSheetId="11">PUBLGUAR!$A$1:$G$24</definedName>
    <definedName name="rub" localSheetId="36">#REF!</definedName>
    <definedName name="rub" localSheetId="0">#REF!</definedName>
    <definedName name="rub" localSheetId="20">#REF!</definedName>
    <definedName name="rub" localSheetId="21">#REF!</definedName>
    <definedName name="rub" localSheetId="22">#REF!</definedName>
    <definedName name="rub" localSheetId="25">#REF!</definedName>
    <definedName name="rub" localSheetId="2">#REF!</definedName>
    <definedName name="rub" localSheetId="14">#REF!</definedName>
    <definedName name="rub" localSheetId="1">#REF!</definedName>
    <definedName name="rub" localSheetId="27">#REF!</definedName>
    <definedName name="rub" localSheetId="28">#REF!</definedName>
    <definedName name="rub" localSheetId="29">#REF!</definedName>
    <definedName name="rub" localSheetId="9">#REF!</definedName>
    <definedName name="rub" localSheetId="10">#REF!</definedName>
    <definedName name="rub" localSheetId="35">#REF!</definedName>
    <definedName name="rub" localSheetId="11">#REF!</definedName>
    <definedName name="rub">#REF!</definedName>
    <definedName name="sk" localSheetId="36">#REF!</definedName>
    <definedName name="sk" localSheetId="35">#REF!</definedName>
    <definedName name="sk">'[1]Securitisations 2010'!$G$83</definedName>
    <definedName name="tre" localSheetId="36">#REF!</definedName>
    <definedName name="tre" localSheetId="0">#REF!</definedName>
    <definedName name="tre" localSheetId="2">#REF!</definedName>
    <definedName name="tre" localSheetId="14">#REF!</definedName>
    <definedName name="tre" localSheetId="1">#REF!</definedName>
    <definedName name="tre" localSheetId="9">#REF!</definedName>
    <definedName name="tre" localSheetId="10">#REF!</definedName>
    <definedName name="tre" localSheetId="35">#REF!</definedName>
    <definedName name="tre" localSheetId="11">#REF!</definedName>
    <definedName name="tre">#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2208" uniqueCount="785">
  <si>
    <t xml:space="preserve"> Counterparty credit risk</t>
  </si>
  <si>
    <t>a</t>
  </si>
  <si>
    <t>b</t>
  </si>
  <si>
    <t>c</t>
  </si>
  <si>
    <t xml:space="preserve"> Settlement risk</t>
  </si>
  <si>
    <t xml:space="preserve"> Securitisation exposures in banking book</t>
  </si>
  <si>
    <t xml:space="preserve"> Market risk</t>
  </si>
  <si>
    <t xml:space="preserve"> Operational risk</t>
  </si>
  <si>
    <t>RWA amounts</t>
  </si>
  <si>
    <t>d</t>
  </si>
  <si>
    <t>e</t>
  </si>
  <si>
    <t>f</t>
  </si>
  <si>
    <t>SEK m</t>
  </si>
  <si>
    <t>Total</t>
  </si>
  <si>
    <t>Defaulted exposures</t>
  </si>
  <si>
    <t>Non-defaulted exposures</t>
  </si>
  <si>
    <t>Of which defaulted</t>
  </si>
  <si>
    <t>Exposures secured by financial guarantees</t>
  </si>
  <si>
    <t>Exposures before CCF and CRM</t>
  </si>
  <si>
    <t>On-balance sheet amount</t>
  </si>
  <si>
    <t>Off-balance sheet amount</t>
  </si>
  <si>
    <t>Corporates</t>
  </si>
  <si>
    <t>Others</t>
  </si>
  <si>
    <t>PD scale</t>
  </si>
  <si>
    <t>100.00 (Default)</t>
  </si>
  <si>
    <t>Sub-total</t>
  </si>
  <si>
    <t>Original on- balance sheet gross exposure</t>
  </si>
  <si>
    <t>Off- balance sheet exposures pre CCF</t>
  </si>
  <si>
    <t>Number of obligors</t>
  </si>
  <si>
    <t>EL</t>
  </si>
  <si>
    <t>EAD
post CRM and post- CCF</t>
  </si>
  <si>
    <t>Internal Model Method (for derivatives and SFTs)</t>
  </si>
  <si>
    <t>Potential future exposure</t>
  </si>
  <si>
    <t>Total subject to the CVA capital charge</t>
  </si>
  <si>
    <t>Fair value of posted collateral</t>
  </si>
  <si>
    <t>Fair value of collateral received</t>
  </si>
  <si>
    <t>Segregated</t>
  </si>
  <si>
    <t>Unsegregated</t>
  </si>
  <si>
    <t>Collateral used in derivative transactions</t>
  </si>
  <si>
    <t>Collateral used in SFTs</t>
  </si>
  <si>
    <t>Cash – domestic currency</t>
  </si>
  <si>
    <t>Cash – other currencies</t>
  </si>
  <si>
    <t>Domestic sovereign debt</t>
  </si>
  <si>
    <t>Other sovereign debt</t>
  </si>
  <si>
    <t>Equity securities</t>
  </si>
  <si>
    <t>Other collateral</t>
  </si>
  <si>
    <t>Protection bought</t>
  </si>
  <si>
    <t>Protection sold</t>
  </si>
  <si>
    <t>Notionals</t>
  </si>
  <si>
    <t>Single-name credit default swaps</t>
  </si>
  <si>
    <t>Index credit default swaps</t>
  </si>
  <si>
    <t>Total return swaps</t>
  </si>
  <si>
    <t>Credit options</t>
  </si>
  <si>
    <t>Other credit derivatives</t>
  </si>
  <si>
    <t>Total notionals</t>
  </si>
  <si>
    <t>Fair values</t>
  </si>
  <si>
    <t>Exposures to QCCPs (total)</t>
  </si>
  <si>
    <t>Exposures for trades at QCCPs (excluding initial margin and default fund contributions); of which</t>
  </si>
  <si>
    <t>(i) OTC derivatives</t>
  </si>
  <si>
    <t>(ii) Exchange-traded derivatives</t>
  </si>
  <si>
    <t>(iii) Securities financing transactions</t>
  </si>
  <si>
    <t>(iv) Netting sets where cross-product netting has been approved</t>
  </si>
  <si>
    <t>Total exposures</t>
  </si>
  <si>
    <t>Capital requirements</t>
  </si>
  <si>
    <t>Institutions</t>
  </si>
  <si>
    <t>Retail</t>
  </si>
  <si>
    <t>Secured by mortgages on immovable property</t>
  </si>
  <si>
    <t>Exposures in default</t>
  </si>
  <si>
    <t>Equity exposures</t>
  </si>
  <si>
    <t>Other items</t>
  </si>
  <si>
    <t>Retail - Secured by real estate SME</t>
  </si>
  <si>
    <t>Retail - Secured by real estate non-SME</t>
  </si>
  <si>
    <t>Retail - Other SME</t>
  </si>
  <si>
    <t>Retail - Other non-SME</t>
  </si>
  <si>
    <t>Central governments or central banks</t>
  </si>
  <si>
    <t xml:space="preserve">     of which Specialised Lending</t>
  </si>
  <si>
    <t xml:space="preserve">     of which SME</t>
  </si>
  <si>
    <t>Total IRB approach</t>
  </si>
  <si>
    <t>Items associated with particularly high risk</t>
  </si>
  <si>
    <t>Other exposures</t>
  </si>
  <si>
    <t>Total Standardised approach</t>
  </si>
  <si>
    <t>Deducted</t>
  </si>
  <si>
    <t>Corporates - Other</t>
  </si>
  <si>
    <t>Exposures secured by 
collateral</t>
  </si>
  <si>
    <t>Replacement cost/Current market value</t>
  </si>
  <si>
    <t>Mark to market</t>
  </si>
  <si>
    <t>Multiplier</t>
  </si>
  <si>
    <t>Financial collateral comprehensive method (for SFTs)</t>
  </si>
  <si>
    <t>Exposure value</t>
  </si>
  <si>
    <t>All portfolios subject to the Standardised Method</t>
  </si>
  <si>
    <t>Value adjustments and Provisions</t>
  </si>
  <si>
    <t xml:space="preserve">  Positive fair value (asset)</t>
  </si>
  <si>
    <t xml:space="preserve">  Negative fair value (liability)</t>
  </si>
  <si>
    <t>Credit derivative hedges</t>
  </si>
  <si>
    <t>Risk weight</t>
  </si>
  <si>
    <t>Of which: Loans</t>
  </si>
  <si>
    <t>General credit risk adjustment</t>
  </si>
  <si>
    <t>Specific credit risk adjustment</t>
  </si>
  <si>
    <t>Credit risk adjustment charges of the period</t>
  </si>
  <si>
    <t>Gross carrying values of</t>
  </si>
  <si>
    <t>Exposures secured by credit derivatives</t>
  </si>
  <si>
    <t xml:space="preserve">Sweden </t>
  </si>
  <si>
    <t>Denmark</t>
  </si>
  <si>
    <t>Norway</t>
  </si>
  <si>
    <t>Finland</t>
  </si>
  <si>
    <t>Estonia</t>
  </si>
  <si>
    <t>Latvia</t>
  </si>
  <si>
    <t>Lithuania</t>
  </si>
  <si>
    <t>Germany</t>
  </si>
  <si>
    <t>Other</t>
  </si>
  <si>
    <t>Finance and insurance</t>
  </si>
  <si>
    <t>Wholesale and retail</t>
  </si>
  <si>
    <t>Transportation</t>
  </si>
  <si>
    <t>Shipping</t>
  </si>
  <si>
    <t>Business and household services</t>
  </si>
  <si>
    <t>Construction</t>
  </si>
  <si>
    <t>Manufacturing</t>
  </si>
  <si>
    <t>Agriculture, forestry and fishing</t>
  </si>
  <si>
    <t>Mining, oil and gas extraction</t>
  </si>
  <si>
    <t>Electricity, water and gas supply</t>
  </si>
  <si>
    <t>Commercial real estate management</t>
  </si>
  <si>
    <t>Residential real estate management</t>
  </si>
  <si>
    <t>Housing co-operative associations Sweden</t>
  </si>
  <si>
    <t>Public Administration</t>
  </si>
  <si>
    <t>Accumulated
write-offs</t>
  </si>
  <si>
    <t>Of which: Debt securities</t>
  </si>
  <si>
    <t>Of which: Off-balance-sheet exposures</t>
  </si>
  <si>
    <t>Total loans</t>
  </si>
  <si>
    <t>Total debt securities</t>
  </si>
  <si>
    <t>Exposures unsecured - Carrying amount</t>
  </si>
  <si>
    <t>Exposures secured - Carrying amount</t>
  </si>
  <si>
    <t>EAD post CRM</t>
  </si>
  <si>
    <t>Alternative calculation of own funds requirements for exposures</t>
  </si>
  <si>
    <t>Prefunded default fund contributions</t>
  </si>
  <si>
    <t>VaR</t>
  </si>
  <si>
    <t>SVaR</t>
  </si>
  <si>
    <t>IRC</t>
  </si>
  <si>
    <t>Comprehensive risk measure</t>
  </si>
  <si>
    <t>Total capital requirements</t>
  </si>
  <si>
    <t>Movement in risk levels</t>
  </si>
  <si>
    <t>Model updates/changes</t>
  </si>
  <si>
    <t>Methodology and policy</t>
  </si>
  <si>
    <t>Acquisitions and disposals</t>
  </si>
  <si>
    <t>Foreign exchange movements</t>
  </si>
  <si>
    <t xml:space="preserve"> Regulatory adjustment</t>
  </si>
  <si>
    <t>Breakdown by risk type</t>
  </si>
  <si>
    <t xml:space="preserve"> Credit risk (excluding counterparty credit risk)</t>
  </si>
  <si>
    <t xml:space="preserve">     of which standardised approach (SA)</t>
  </si>
  <si>
    <t xml:space="preserve">     of which foundation internal rating-based (F-IRB) approach</t>
  </si>
  <si>
    <t xml:space="preserve">     of which advanced internal rating-based (A-IRB) approach</t>
  </si>
  <si>
    <t xml:space="preserve">     of which mark to market</t>
  </si>
  <si>
    <t xml:space="preserve">     of which internal model method (IMM)</t>
  </si>
  <si>
    <t xml:space="preserve">     of which risk exposure amount for contributions to the default fund of a CCP</t>
  </si>
  <si>
    <t xml:space="preserve">     of which CVA</t>
  </si>
  <si>
    <t xml:space="preserve">   of which standardised approach</t>
  </si>
  <si>
    <t xml:space="preserve">   of which internal model approach (IMA)</t>
  </si>
  <si>
    <t>Large exposures</t>
  </si>
  <si>
    <t xml:space="preserve">   of which advanced measurement approach</t>
  </si>
  <si>
    <t>Amounts below the thresholds for deduction (subject to 250% risk weight)</t>
  </si>
  <si>
    <t xml:space="preserve"> Total</t>
  </si>
  <si>
    <t>EU OV1 – Overview of RWAs</t>
  </si>
  <si>
    <t>Non-deducted participations in insurance undertakings</t>
  </si>
  <si>
    <t>Holdings of own funds instruments of a financial sector entity where the institution has a significant investment not deducted from own funds (before risk weighting)</t>
  </si>
  <si>
    <t>Total risk exposure amount</t>
  </si>
  <si>
    <t>Average risk weight (%)</t>
  </si>
  <si>
    <t>Claims in the form of CIU</t>
  </si>
  <si>
    <t>EU CR4: Standardised approach – credit risk exposure and Credit Risk Mitigation (CRM) effects</t>
  </si>
  <si>
    <t>Total credit exposure amount (post CCF and post-CRM)</t>
  </si>
  <si>
    <t>Of which unrated</t>
  </si>
  <si>
    <t>EU CR5: Standardised approach – exposures by asset classes and risk weights</t>
  </si>
  <si>
    <t>Average CCF (%)</t>
  </si>
  <si>
    <t>Average PD (%)</t>
  </si>
  <si>
    <t>Average LGD (%)</t>
  </si>
  <si>
    <t>Average maturity (years)</t>
  </si>
  <si>
    <t>F-IRB Central governments or central banks</t>
  </si>
  <si>
    <t>F-IRB Corporate</t>
  </si>
  <si>
    <t>F-IRB Institution</t>
  </si>
  <si>
    <t>A-IRB Corporate</t>
  </si>
  <si>
    <t>A-IRB Institution</t>
  </si>
  <si>
    <t>A-IRB Retail Mortgage</t>
  </si>
  <si>
    <t>A-IRB Other Retail</t>
  </si>
  <si>
    <t>Exposures under FIRB</t>
  </si>
  <si>
    <t>Corporates - SMEs</t>
  </si>
  <si>
    <t>Corporates - Specialised lending</t>
  </si>
  <si>
    <t>Exposures under AIRB</t>
  </si>
  <si>
    <t>EU CR6: IRB – Credit risk exposures by exposure class and PD range</t>
  </si>
  <si>
    <t>EU CR7: IRB – Effect on RWA of credit derivatives used as CRM techniques</t>
  </si>
  <si>
    <t xml:space="preserve">SEK m </t>
  </si>
  <si>
    <t>Effective expected positive exposure (EEPE)</t>
  </si>
  <si>
    <t xml:space="preserve">     of which Securities Financing Transactions</t>
  </si>
  <si>
    <t xml:space="preserve">     of which derivatives &amp; Long Settlement Transactions</t>
  </si>
  <si>
    <t xml:space="preserve"> SEK m</t>
  </si>
  <si>
    <t>F-IRB Corporates</t>
  </si>
  <si>
    <t>F-IRB Institutions</t>
  </si>
  <si>
    <t>A-IRB Corporates</t>
  </si>
  <si>
    <t>A-IRB Institutions</t>
  </si>
  <si>
    <t>Gross positive fair value or net carrying amount</t>
  </si>
  <si>
    <t>Netting benefits</t>
  </si>
  <si>
    <t>Netted current credit exposure</t>
  </si>
  <si>
    <t>Collateral held</t>
  </si>
  <si>
    <t>Net credit exposure</t>
  </si>
  <si>
    <t>Derivatives</t>
  </si>
  <si>
    <t>Cross-product netting</t>
  </si>
  <si>
    <t xml:space="preserve">Total </t>
  </si>
  <si>
    <t>Outright products</t>
  </si>
  <si>
    <t xml:space="preserve">  Interest rate risk (general and specific)</t>
  </si>
  <si>
    <t xml:space="preserve">  Equity risk (general and specific)</t>
  </si>
  <si>
    <t xml:space="preserve">  Foreign exchange risk </t>
  </si>
  <si>
    <t xml:space="preserve">  Commodity risk </t>
  </si>
  <si>
    <t>Options</t>
  </si>
  <si>
    <t xml:space="preserve">  Simplified approach</t>
  </si>
  <si>
    <t xml:space="preserve">  Delta-plus method</t>
  </si>
  <si>
    <t xml:space="preserve">  Scenario approach</t>
  </si>
  <si>
    <t>Securitisation (specific risk)</t>
  </si>
  <si>
    <t xml:space="preserve">  Previous day's VaR (Article 365(1) of the CRR (VARt-1)</t>
  </si>
  <si>
    <t xml:space="preserve">  Average of the daily VaR (Article 365(1)) of the CRR on each of the preceding 60 business days (VaRavg) x multiplication factor (mc) in accordance with Article 366 of the CRR</t>
  </si>
  <si>
    <t xml:space="preserve">  Latest SVaR (article 365(2) of the CRR (SVaRt-1)</t>
  </si>
  <si>
    <t>VaR (10 day 99%)</t>
  </si>
  <si>
    <t>Maximum value</t>
  </si>
  <si>
    <t>Average value</t>
  </si>
  <si>
    <t>Minimum value</t>
  </si>
  <si>
    <t>Period end</t>
  </si>
  <si>
    <t>SVaR (10 day 99%)</t>
  </si>
  <si>
    <t>ICR (99.9%)</t>
  </si>
  <si>
    <t>Comprehensive risk capital charge (99.9%)</t>
  </si>
  <si>
    <t>EU MR3 – IMA values for trading portfolios</t>
  </si>
  <si>
    <t>EU MR2-B – RWA flow statements of market risk exposures under the IMA</t>
  </si>
  <si>
    <t>EU MR2-A – Market risk under the IMA</t>
  </si>
  <si>
    <t>EU MR1 – Market risk under the standardised approach</t>
  </si>
  <si>
    <t>EU CCR6 – Credit derivatives exposures</t>
  </si>
  <si>
    <t>EU CCR5-B – Composition of collateral for exposures to CCR</t>
  </si>
  <si>
    <t>EU CCR5-A – Impact of netting and collateral held on exposure values</t>
  </si>
  <si>
    <t>EU CCR7 - RWA flow statements of CCR exposures under Internal Model Method (IMM)</t>
  </si>
  <si>
    <t>EU CCR4 – IRB approach – CCR exposures by portfolio and PD scale</t>
  </si>
  <si>
    <t>EU CCR8 – Exposures to CCPs</t>
  </si>
  <si>
    <t>EU CCR2 – CVA capital charge</t>
  </si>
  <si>
    <t>EU CCR1 – Analysis of CCR exposure by approach</t>
  </si>
  <si>
    <t>EU CR8 – RWA flow statements of credit risk exposures under the IRB approach</t>
  </si>
  <si>
    <t>EU CR1-B – Credit quality of exposures by industry or counterparty types</t>
  </si>
  <si>
    <t>EU CR1-C – Credit quality of exposures by geography</t>
  </si>
  <si>
    <t>Tier 2</t>
  </si>
  <si>
    <t>Disclosure according to Article 5 in EU Regulation No 1423/2013</t>
  </si>
  <si>
    <t>Common Equity Tier 1 (CET1) capital: instruments and reserves</t>
  </si>
  <si>
    <t>Capital instruments and the related share premium accounts</t>
  </si>
  <si>
    <t xml:space="preserve">   of which: share capital</t>
  </si>
  <si>
    <t>Retained earnings</t>
  </si>
  <si>
    <t>3a</t>
  </si>
  <si>
    <t>Funds for general banking risk</t>
  </si>
  <si>
    <t>Amount of qualifying items referred to in Article 484 (3) and the related share premium accounts subject to phase out from CET1</t>
  </si>
  <si>
    <t>Minority Interests (amount allowed in consolidated CET1)</t>
  </si>
  <si>
    <t>5a</t>
  </si>
  <si>
    <t>Independently reviewed interim profits net of any foreseeable charge or dividend</t>
  </si>
  <si>
    <t>Common Equity Tier 1 (CET1) capital before regulatory adjustments</t>
  </si>
  <si>
    <t>Common Equity Tier 1 (CET1) capital: regulatory adjustements</t>
  </si>
  <si>
    <t>Additional value adjustments (negative amount)</t>
  </si>
  <si>
    <t>Intangible assets (net of related tax liability) (negative amount)</t>
  </si>
  <si>
    <t>Empty Set in the EU</t>
  </si>
  <si>
    <t>Deferred tax assets that rely on future profitability excluding those arising from temporary differences (net of related tax liability where the conditions in Article 38 (3) are met) (negative amount)</t>
  </si>
  <si>
    <t>Fair value reserves related to gains or losses on cash flow hedges</t>
  </si>
  <si>
    <t>Negative amounts resulting from the calculation of expected loss amounts</t>
  </si>
  <si>
    <t>Any increase in equity that results from securitised assets (negative amount)</t>
  </si>
  <si>
    <t>Gains or losses on liabilities valued at fair value resulting from changes in own credit standing</t>
  </si>
  <si>
    <t>Defined-benefit pension fund assets (negative amount)</t>
  </si>
  <si>
    <t>Direct and indirect holdings by an institution of own CET1 instruments (negative amount)</t>
  </si>
  <si>
    <t>Direct, indirect and synthetic holdings by the institution of the CET1 instruments of financial sector entities where the institution has a significant investment in those entities (amount above 10% threshold and net of eligible short positions) (negative amount)</t>
  </si>
  <si>
    <t>20a</t>
  </si>
  <si>
    <t>Exposure amount of the following items which qualify for a RW of 1250%, where the institution opts for the deduction alternative</t>
  </si>
  <si>
    <t>20b</t>
  </si>
  <si>
    <t xml:space="preserve">   of which qualifiying holdings outside the financial sector (negative amount)</t>
  </si>
  <si>
    <t>20c</t>
  </si>
  <si>
    <t xml:space="preserve">   of which: securitisation positions (negative amount)</t>
  </si>
  <si>
    <t>20d</t>
  </si>
  <si>
    <t xml:space="preserve">   of which: free deliveries (negative amount)</t>
  </si>
  <si>
    <t>Deferred tax assets arising from temporary differences (amount above 10% threshold, net of related tax liability where the conditions in 38 (3) are met) (negative amount)</t>
  </si>
  <si>
    <t xml:space="preserve">   of which: direct and indirect holdings by the institution of the CET1 instruments of financial sector entities where the institution has a significant investment in those entities</t>
  </si>
  <si>
    <t xml:space="preserve">   of which: deferred tax assets arising from temporary differences</t>
  </si>
  <si>
    <t>25a</t>
  </si>
  <si>
    <t>Losses for the current financial year (negative amount)</t>
  </si>
  <si>
    <t>25b</t>
  </si>
  <si>
    <t>Foreseeable tax charges relating to CET1 items (negative amount)</t>
  </si>
  <si>
    <t>Qualifying AT1 deductions that exceed the AT1 capital of the institution (negative amount)</t>
  </si>
  <si>
    <t>Total regulatory adjustments to Common equity Tier 1 (CET1)</t>
  </si>
  <si>
    <t>Common Equity Tier 1 (CET1) capital</t>
  </si>
  <si>
    <t>Additional Tier 1 (AT1) capital: instruments</t>
  </si>
  <si>
    <t xml:space="preserve">   of which: classified as equity under applicable accounting standards</t>
  </si>
  <si>
    <t xml:space="preserve">   of which: classified as liabilities under applicable accounting standards</t>
  </si>
  <si>
    <t>Amount of qualifying items referred to in Article 484 (4) and the related share premium accounts subject to phase out from AT1</t>
  </si>
  <si>
    <t>Qualifying Tier 1 capital included in consolidated AT1 capital (including minority interests not included in row 5) issued by subsidiaries and held by third parties</t>
  </si>
  <si>
    <t xml:space="preserve">   of which: instruments issued by subsidiaries subject to phase out</t>
  </si>
  <si>
    <t>Additional Tier 1 (AT1) capital before regulatory adjustments</t>
  </si>
  <si>
    <t>Additional Tier 1 (AT1) capital: regulatory adjustments</t>
  </si>
  <si>
    <t>Direct and indirect holdings by an institution of own AT1 Instruments (negative amount)</t>
  </si>
  <si>
    <t>Qualifying T2 deductions that exceed the T2 capital of the institution (negative amount)</t>
  </si>
  <si>
    <t>Total regulatory adjustments to Additional Tier 1 (AT1) capital</t>
  </si>
  <si>
    <t>Additional Tier 1 (AT1) capital</t>
  </si>
  <si>
    <t>Tier 1 capital (T1 = CET1 + AT1)</t>
  </si>
  <si>
    <t>Tier 2 (T2) capital: instruments and provisions</t>
  </si>
  <si>
    <t>Amount of qualifying items referred to in Article 484 (5) and the related share premium accounts subject to phase out from T2</t>
  </si>
  <si>
    <t>Qualifying own funds instruments included in consolidated T2 capital (including minority interests and AT1 instruments not included in rows 5 or 34) issued by subsidiaries and held by third parties</t>
  </si>
  <si>
    <t>of which: instruments issued by subsidiaries subject to phase out</t>
  </si>
  <si>
    <t>Credit risk adjustments</t>
  </si>
  <si>
    <t>Tier 2 (T2) capital before regulatory adjustments</t>
  </si>
  <si>
    <t>Tier 2 (T2) capital: regulatory adjustments</t>
  </si>
  <si>
    <t>Direct and indirect holdings by an institution of own T2 instruments and subordinated loans (negative amount)</t>
  </si>
  <si>
    <t>Holdings of the T2 instruments and subordinated loans of financial sector entities where those entities have reciprocal cross holdings with the institution designed to inflate artificially the own funds of the institution (negative amount)</t>
  </si>
  <si>
    <t>Direct and indirect holdings of the T2 instruments and subordinated loans of financial sector entities where the institution does not have a significant investment in those entities (amount above 10% threshold and net of eligible short positions) (negative amount)</t>
  </si>
  <si>
    <t>Direct and indirect holdings by the institution of the T2 instruments and subordinated loans of financial sector entities where the institution has a significant investment in those entities (net of eligible short positions) (negative amount)</t>
  </si>
  <si>
    <t>Total regulatory adjustments to Tier 2 (T2) capital</t>
  </si>
  <si>
    <t>Tier 2 (T2) capital</t>
  </si>
  <si>
    <t>Total capital (TC = T1 + T2)</t>
  </si>
  <si>
    <t>Total risk weighted assets</t>
  </si>
  <si>
    <t>Capital ratios and buffers</t>
  </si>
  <si>
    <t>Common Equity Tier 1 (as a percentage of risk exposure amount)</t>
  </si>
  <si>
    <t>Tier 1 (as a percentage of risk exposure amount)</t>
  </si>
  <si>
    <t>Total capital (as a percentage of risk exposure amount)</t>
  </si>
  <si>
    <t>Institution specific buffer requirement (CET1 requirement in accordance with article 92 (1) (a) plus capital conservation and countercyclical buffer requirements, plus systemic risk buffer, plus the systemically important institution buffer (G-SII or O-SII buffer), expressed as a percentage of risk exposure amount)</t>
  </si>
  <si>
    <t xml:space="preserve"> of which : capital conservation buffer requirements</t>
  </si>
  <si>
    <t xml:space="preserve"> of which : countercyclical buffer requirements</t>
  </si>
  <si>
    <t xml:space="preserve"> of which : systemic risk buffer requirements</t>
  </si>
  <si>
    <t>67a</t>
  </si>
  <si>
    <t xml:space="preserve"> of which : Global Systemically Important Institutions (G-SII) or Other Systemically Important Institutions (O-SII)  buffer</t>
  </si>
  <si>
    <t>Common Equity Tier 1 available to meet buffers (as a percentage of risk exposure amount)</t>
  </si>
  <si>
    <t xml:space="preserve"> (Non relevant in EU regulation)</t>
  </si>
  <si>
    <t>Amounts below the thresholds for deduction (before risk weighting)</t>
  </si>
  <si>
    <t>Direct and indirect holdings of the capital of financial sector entities where the institution does not have a significant investment in those entities (amount below 10% threshold and net of eligible short positions)</t>
  </si>
  <si>
    <t>Direct and indirect holdings by the institution of the CET 1 instruments of financial sector entities where the institution has a significant investment in those entities (amount below 10% threshold and net of eligible short positions)</t>
  </si>
  <si>
    <t>Deferred tax assets arising from temporary differences (amount below 10% threshold, net of related tax liability where the conditions in Article 38 (3) are met)</t>
  </si>
  <si>
    <t>Applicable caps on the inclusion of provisions in Tier 2</t>
  </si>
  <si>
    <t>Credit risk adjustments included in T2 in respect of exposures subject to standardized approach (prior to the application of the cap)</t>
  </si>
  <si>
    <t>Cap on inclusion of credit risk adjustments in T2 under standardised approach</t>
  </si>
  <si>
    <t>Credit risk adjustments included in T2 in respect of exposures subject to internal ratings-based approach (prior to the application of the cap)</t>
  </si>
  <si>
    <t>Cap for inclusion of credit risk adjustments in T2 under internal ratings-based approach</t>
  </si>
  <si>
    <t xml:space="preserve">Capital instruments subject to phase-out arrangements </t>
  </si>
  <si>
    <t>(only applicable between 1 Jan 2013 and 1 Jan 2022)</t>
  </si>
  <si>
    <t>Current cap on CET1 instruments subject to phase out arrangements</t>
  </si>
  <si>
    <t>Amount excluded from CET1 due to cap (excess over cap after redemptions and maturities)</t>
  </si>
  <si>
    <t>Current cap on AT1 instruments subject to phase out arrangements</t>
  </si>
  <si>
    <t>Amount excluded from AT1 due to cap (excess over cap after redemptions and maturities)</t>
  </si>
  <si>
    <t>Current cap on T2 instruments subject to phase out arrangements</t>
  </si>
  <si>
    <t>Amount excluded from T2 due to cap (excess over cap after redemptions and maturities)</t>
  </si>
  <si>
    <t>N/A inserted if the question is not applicable.</t>
  </si>
  <si>
    <t>Yes</t>
  </si>
  <si>
    <t>No</t>
  </si>
  <si>
    <t>Non-compliant transitioned features</t>
  </si>
  <si>
    <t>Senior Debt</t>
  </si>
  <si>
    <t>Position in subordination hierachy in liquidation (specify instrument type immediately senior to instrument)</t>
  </si>
  <si>
    <t>N/A</t>
  </si>
  <si>
    <t>If temporary write-down, description of write-up mechanism</t>
  </si>
  <si>
    <t>If write-down, permanent or temporary</t>
  </si>
  <si>
    <t>If write-down, full or partial</t>
  </si>
  <si>
    <t>5.125% for the Bank and 8% for the Group</t>
  </si>
  <si>
    <t>If write-down, write-down trigger (s)</t>
  </si>
  <si>
    <t>Write-down features</t>
  </si>
  <si>
    <t>If convertible, specifiy issuer of instrument it converts into</t>
  </si>
  <si>
    <t>If convertible, specifiy instrument type convertible into</t>
  </si>
  <si>
    <t>If convertible, mandatory or optional conversion</t>
  </si>
  <si>
    <t>If convertible, conversion rate</t>
  </si>
  <si>
    <t>If convertible, fully or partially</t>
  </si>
  <si>
    <t>If convertible, conversion trigger (s)</t>
  </si>
  <si>
    <t>Non-convertible</t>
  </si>
  <si>
    <t>Convertible or non-convertible</t>
  </si>
  <si>
    <t>Noncumulative</t>
  </si>
  <si>
    <t>Noncumulative or cumulative</t>
  </si>
  <si>
    <t>Existence of step up or other incentive to redeem</t>
  </si>
  <si>
    <t>Fully discretionary</t>
  </si>
  <si>
    <t>Mandatory</t>
  </si>
  <si>
    <t>Fully discretionary, partially discretionary or mandatory (in terms of amount)</t>
  </si>
  <si>
    <t>Existence of a dividend stopper</t>
  </si>
  <si>
    <t>1.375% pa. If not called then new fixed rate set to Euro Swap Rate+Reset margin that is 1.35%pa.</t>
  </si>
  <si>
    <t>2.50% pa. If not called then new fixed rate set to Euro Swap Rate+Reset margin that is 3.10%pa.</t>
  </si>
  <si>
    <t>Coupon rate and any related index</t>
  </si>
  <si>
    <t>Fixed, Semi-annually Payments in arrear</t>
  </si>
  <si>
    <t>Fixed, Annually Payments in arrear</t>
  </si>
  <si>
    <t>Fixed or floating dividend/coupon</t>
  </si>
  <si>
    <t>Coupons / dividends</t>
  </si>
  <si>
    <t xml:space="preserve"> At any time thereafter. At Prevailing Principal Amount.</t>
  </si>
  <si>
    <t>Subsequent call dates, if applicable</t>
  </si>
  <si>
    <t xml:space="preserve"> 2023-10-31, 100%. In addition Tax/Regulatory call</t>
  </si>
  <si>
    <t xml:space="preserve"> 2021-05-28, 100%. In addition Tax/Regulatory call</t>
  </si>
  <si>
    <t>Optional call date, contingent call dates, and redemption amount</t>
  </si>
  <si>
    <t>Issuer call subjet to prior supervisory approval</t>
  </si>
  <si>
    <t xml:space="preserve"> 2028-10-31</t>
  </si>
  <si>
    <t xml:space="preserve"> 2026-05-28</t>
  </si>
  <si>
    <t>Original maturity date</t>
  </si>
  <si>
    <t>Perpetual</t>
  </si>
  <si>
    <t xml:space="preserve">Dated </t>
  </si>
  <si>
    <t>Perpeptual or dated</t>
  </si>
  <si>
    <t xml:space="preserve"> 2016-10-31</t>
  </si>
  <si>
    <t xml:space="preserve"> 2014-05-28</t>
  </si>
  <si>
    <t>Original date of issuance</t>
  </si>
  <si>
    <t>Liability - amortised cost</t>
  </si>
  <si>
    <t>Accounting classification</t>
  </si>
  <si>
    <t>Redemption price</t>
  </si>
  <si>
    <t>9b</t>
  </si>
  <si>
    <t>Issue price</t>
  </si>
  <si>
    <t>9a</t>
  </si>
  <si>
    <t>EUR 850m</t>
  </si>
  <si>
    <t>EUR 1,000m</t>
  </si>
  <si>
    <t>Nominal amount of instrument</t>
  </si>
  <si>
    <t>Amount recognised in regulatory capital (currency in million, as of most recent reporting date)</t>
  </si>
  <si>
    <t xml:space="preserve"> Additional Tier 1 Notes</t>
  </si>
  <si>
    <t>Dated Subordinated Notes</t>
  </si>
  <si>
    <t>Instrument type (types to be specified by each jurisdiction)</t>
  </si>
  <si>
    <t>Solo &amp; consolidated</t>
  </si>
  <si>
    <t>Eligible at solo/(sub-)consolidated/solo &amp; (sub-)consolidated</t>
  </si>
  <si>
    <t>Additional Tier 1</t>
  </si>
  <si>
    <t>Post-transitional CRR rules</t>
  </si>
  <si>
    <t>Transitional CRR rules</t>
  </si>
  <si>
    <t>Regulatory treatment</t>
  </si>
  <si>
    <t>English and Swedish Law</t>
  </si>
  <si>
    <t>Governing law(s) of the instrument</t>
  </si>
  <si>
    <t>XS1511589605</t>
  </si>
  <si>
    <t>XS1072796870</t>
  </si>
  <si>
    <t>Skandinaviska Enskilda Banken AB (publ)</t>
  </si>
  <si>
    <t>Issuer</t>
  </si>
  <si>
    <t>Disclosure according to Article 3 in EU Regulation No 1423/2013</t>
  </si>
  <si>
    <t xml:space="preserve">Capital instruments’ main features </t>
  </si>
  <si>
    <t>Retail exposures</t>
  </si>
  <si>
    <t>g</t>
  </si>
  <si>
    <t>h</t>
  </si>
  <si>
    <t>i</t>
  </si>
  <si>
    <t>k</t>
  </si>
  <si>
    <t>j</t>
  </si>
  <si>
    <t>l</t>
  </si>
  <si>
    <t>Net values
a+b-c-d</t>
  </si>
  <si>
    <t>Other countries</t>
  </si>
  <si>
    <t>(a)</t>
  </si>
  <si>
    <t>(b)</t>
  </si>
  <si>
    <t>1a</t>
  </si>
  <si>
    <t>1b</t>
  </si>
  <si>
    <t>8a</t>
  </si>
  <si>
    <t>8b</t>
  </si>
  <si>
    <t xml:space="preserve">    of which secured by real estate property</t>
  </si>
  <si>
    <t xml:space="preserve">    of which retail SME</t>
  </si>
  <si>
    <t xml:space="preserve">   of which other retail exposures</t>
  </si>
  <si>
    <t xml:space="preserve">    of which large corporates</t>
  </si>
  <si>
    <t>A shares</t>
  </si>
  <si>
    <t xml:space="preserve">Higher of (i) the current market price, (ii) the floor price or (iii) the nominal value. </t>
  </si>
  <si>
    <t>Fully</t>
  </si>
  <si>
    <t>Convertible</t>
  </si>
  <si>
    <t>5.625% pa. If not called then new fixed rate set to USD Mid-Swap Rate for the relevant 5 Year period+Reset margin that is 3.493%pa.</t>
  </si>
  <si>
    <t xml:space="preserve"> 2022-05-13 or at any time thereafter. At Prevailing Principal Amount </t>
  </si>
  <si>
    <t xml:space="preserve"> 2017-03-23</t>
  </si>
  <si>
    <t>USD 600m</t>
  </si>
  <si>
    <t>XS1584880352</t>
  </si>
  <si>
    <t>RWAs</t>
  </si>
  <si>
    <t>Minimum capital requirements</t>
  </si>
  <si>
    <t>Asset size</t>
  </si>
  <si>
    <t>Credit quality of counterparties</t>
  </si>
  <si>
    <t>Model updates (IMM only)</t>
  </si>
  <si>
    <t>Methodology and policy (IMM only)</t>
  </si>
  <si>
    <t>Asset quality</t>
  </si>
  <si>
    <t>Model updates</t>
  </si>
  <si>
    <t>Pre-credit derivatives RWAs</t>
  </si>
  <si>
    <t>Actual RWAs</t>
  </si>
  <si>
    <t>Exposures post CCF and CRM</t>
  </si>
  <si>
    <t>Banks</t>
  </si>
  <si>
    <t xml:space="preserve">  Average of the SVaR (article 365(2) of the CRR) during the preceding 60 business days (SVaRavg) x multiplication factor (mc) (Article 366 of the CRR)</t>
  </si>
  <si>
    <t>Total RWAs</t>
  </si>
  <si>
    <t>RWAs at the end of the reporting period (end of day)</t>
  </si>
  <si>
    <t>Accumulated other comprehensive income (and other reserves)</t>
  </si>
  <si>
    <t>Direct, indirect and synthetic holdings of the CET1 instruments of financial sector entities where those entities have reciprocal cross holdings with the institution designed to inflate artificially the own funds of the institution (negative amount)</t>
  </si>
  <si>
    <t>Direct, indirect and synthetic holdings by the institution of the CET1 instruments of financial sector entities where the institution does not have a significant investment in those entities (amount above the 10% threshold and net of eligible short positions) (negative amount)</t>
  </si>
  <si>
    <t>Amount exceeding the 15% threshold (negative amount)</t>
  </si>
  <si>
    <t>Direct, indirect and synthetic holdings of the AT1 instruments of financial sector entities where those entities have reciprocal cross holdings with the institution designed to inflate artificially the own funds of the institution (negative amount)</t>
  </si>
  <si>
    <t>Direct, indirect and synthetic holdings of the AT1 instruments of financial sector entities where the institution does not have a significant investment in those entities (amount above 10% threshold and net of eligible short positions) (negative amount)</t>
  </si>
  <si>
    <t>Direct, indirect and synthetic holdings by the institution of the AT1 instruments of financial sector entities where the institution has a significant investment in those entities (net of eligible short positions) (negative amount)</t>
  </si>
  <si>
    <t>If yes, specify non-compliant features</t>
  </si>
  <si>
    <t>Other adjustments</t>
  </si>
  <si>
    <t>Debt securities</t>
  </si>
  <si>
    <t>Loans and advances</t>
  </si>
  <si>
    <t>m</t>
  </si>
  <si>
    <t>On performing exposures</t>
  </si>
  <si>
    <t>On non-performing exposures</t>
  </si>
  <si>
    <t>Of which impaired</t>
  </si>
  <si>
    <t>Off-balance-sheet exposures</t>
  </si>
  <si>
    <t>EU CR1-A - Credit quality of exposures by exposure classes and instruments</t>
  </si>
  <si>
    <t>EU CR3 - Credit risk mitigation techniques - overview</t>
  </si>
  <si>
    <t>EU KM1: Key metrics (at consolidated group level)</t>
  </si>
  <si>
    <t>Available capital (amounts)</t>
  </si>
  <si>
    <t>Common Equity Tier 1 (CET1)</t>
  </si>
  <si>
    <t>Tier 1</t>
  </si>
  <si>
    <t>Total capital</t>
  </si>
  <si>
    <t>Risk-weighted assets (amounts)</t>
  </si>
  <si>
    <t>Risk-based capital ratios as a percentage of RWA</t>
  </si>
  <si>
    <t>Additional CET1 buffer requirements as a percentage of RWA</t>
  </si>
  <si>
    <t>Countercyclical buffer requirement (%)</t>
  </si>
  <si>
    <t>Bank G-SIB and/or D-SIB additional requirements (%)</t>
  </si>
  <si>
    <t>Total of bank CET1 specific buffer requirements (%) (row 8 + row 9 + row 10)</t>
  </si>
  <si>
    <t>CET1 available after meeting the bank’s minimum capital requirements (%)</t>
  </si>
  <si>
    <t>Common Equity Tier 1 ratio (%)</t>
  </si>
  <si>
    <t>Tier 1 ratio (%)</t>
  </si>
  <si>
    <t>Total capital ratio (%)</t>
  </si>
  <si>
    <t>Total risk-weighted assets (RWA)</t>
  </si>
  <si>
    <t>Total Basel III leverage ratio exposure measure</t>
  </si>
  <si>
    <t>Basel III leverage ratio (%) (row 2 / row 13)</t>
  </si>
  <si>
    <t>Total HQLA</t>
  </si>
  <si>
    <t>Total net cash outflow</t>
  </si>
  <si>
    <t>LCR ratio (%)</t>
  </si>
  <si>
    <t>Basel III leverage ratio</t>
  </si>
  <si>
    <t>EU CCR3 – Standardised approach – CCR exposures by regulatory portfolio and risk weights</t>
  </si>
  <si>
    <t>Additional risk exposure amount due to Article 458 CRR</t>
  </si>
  <si>
    <t>Capital conservation buffer requirement (%)</t>
  </si>
  <si>
    <t>Regulation (EU) no 575/2013 article reference</t>
  </si>
  <si>
    <t>26(1), 27, 28, 29, EBA list 26 (3)</t>
  </si>
  <si>
    <t>EBA list 26(3)</t>
  </si>
  <si>
    <t xml:space="preserve">26 (1) (c) </t>
  </si>
  <si>
    <t xml:space="preserve">26 (1) </t>
  </si>
  <si>
    <t xml:space="preserve">26 (2) </t>
  </si>
  <si>
    <t>34, 105</t>
  </si>
  <si>
    <t>36 (1) (b), 37, 472 (4)</t>
  </si>
  <si>
    <t>36 (1) (c), 38, 472 (5)</t>
  </si>
  <si>
    <t>33 (a)</t>
  </si>
  <si>
    <t>36 (1) (d), 40, 159, 472 (6)</t>
  </si>
  <si>
    <t xml:space="preserve">33 (1) (b) (c) </t>
  </si>
  <si>
    <t xml:space="preserve">36 (1) (e) , 41, 472 (7) </t>
  </si>
  <si>
    <t xml:space="preserve">36 (1) (f), 42, 472 (8) </t>
  </si>
  <si>
    <t>51, 52</t>
  </si>
  <si>
    <t>62, 63</t>
  </si>
  <si>
    <t xml:space="preserve">62 (c) (d) </t>
  </si>
  <si>
    <t xml:space="preserve">66 (d), 69, 79, 477 (4) </t>
  </si>
  <si>
    <t xml:space="preserve">92 (2) (a), 465 </t>
  </si>
  <si>
    <t xml:space="preserve">92 (2) (b), 465 </t>
  </si>
  <si>
    <t xml:space="preserve">92 (2) (c) </t>
  </si>
  <si>
    <t>CRD 128, 129, 130</t>
  </si>
  <si>
    <t>CRD 128</t>
  </si>
  <si>
    <t xml:space="preserve">36 (1) (h), 45, 46, 472 (10) 
56 (c), 59, 60, 475 (4) 
66 (c), 69, 70, 477 (4) </t>
  </si>
  <si>
    <t xml:space="preserve">36 (1) (i), 45, 48, 470, 472 (11) </t>
  </si>
  <si>
    <t>Own funds disclosure template for SEB consolidated situation</t>
  </si>
  <si>
    <t xml:space="preserve">26 (1) (f) </t>
  </si>
  <si>
    <t>486 (2)</t>
  </si>
  <si>
    <t>32 (1)</t>
  </si>
  <si>
    <t>36 (1) (g), 44</t>
  </si>
  <si>
    <t>36 (1) (i), 43, 45, 47, 48, (1) (b), 49 (1) to (3), 79</t>
  </si>
  <si>
    <t>36 (1) (h), 43, 45, 46, 49 (2) (3), 79</t>
  </si>
  <si>
    <t>36 (1) (k)</t>
  </si>
  <si>
    <t>36 (1) (k) (i), 89 to 91</t>
  </si>
  <si>
    <t>36 (1) (k) (ii), 89 to 91, 243 (1) (b), 244 (1) (b), 258</t>
  </si>
  <si>
    <t>36 (1) (k) (ii), 379(3)</t>
  </si>
  <si>
    <t>36 (1) (c), 38, 48 (1) (a)</t>
  </si>
  <si>
    <t>48 (1)</t>
  </si>
  <si>
    <t>36 (1) (i), 48 (1) (b)</t>
  </si>
  <si>
    <t>36 (1) (a)</t>
  </si>
  <si>
    <t>36 (1) (l)</t>
  </si>
  <si>
    <t>36 (1) (j)</t>
  </si>
  <si>
    <t>486 (3)</t>
  </si>
  <si>
    <t>85, 86</t>
  </si>
  <si>
    <t>52 (1) (b), 56 (a), 57</t>
  </si>
  <si>
    <t>56 (b), 58</t>
  </si>
  <si>
    <t>56 (c), 59, 60, 79</t>
  </si>
  <si>
    <t>56 (d), 59, 79</t>
  </si>
  <si>
    <t>486 (4)</t>
  </si>
  <si>
    <t>87, 88</t>
  </si>
  <si>
    <t>63 (b) (i), 66 (a), 67</t>
  </si>
  <si>
    <t>66 (b), 68</t>
  </si>
  <si>
    <t>66 (c), 69, 70, 79</t>
  </si>
  <si>
    <t>36 (1) (c), 38, 48</t>
  </si>
  <si>
    <t>484 (3), 486 (2) &amp; (5)</t>
  </si>
  <si>
    <t>484 (4), 486 (3) &amp; (5)</t>
  </si>
  <si>
    <t>484 (5), 486 (4) &amp; (5)</t>
  </si>
  <si>
    <t/>
  </si>
  <si>
    <r>
      <t>Non-segregated initial margin</t>
    </r>
    <r>
      <rPr>
        <vertAlign val="superscript"/>
        <sz val="10"/>
        <color theme="1"/>
        <rFont val="SEB SansSerif"/>
        <charset val="186"/>
      </rPr>
      <t xml:space="preserve"> 1)</t>
    </r>
  </si>
  <si>
    <r>
      <t xml:space="preserve">Segregated initial margin </t>
    </r>
    <r>
      <rPr>
        <vertAlign val="superscript"/>
        <sz val="10"/>
        <color theme="1"/>
        <rFont val="SEB SansSerif"/>
        <charset val="186"/>
      </rPr>
      <t>1)</t>
    </r>
  </si>
  <si>
    <t>31 Dec 2019</t>
  </si>
  <si>
    <t>Gross carrying amount/nominal amount of exposures with forbearance measures</t>
  </si>
  <si>
    <t>Accumulated impairment, accumulated negative changes in fair value due to credit risk and provisions</t>
  </si>
  <si>
    <t>Collateral received and financial guarantees received on forborne exposures</t>
  </si>
  <si>
    <t>Performing forborne</t>
  </si>
  <si>
    <t>Non-performing forborne</t>
  </si>
  <si>
    <t>On performing forborne exposures</t>
  </si>
  <si>
    <t>On non-performing forborne exposures</t>
  </si>
  <si>
    <t>Of which collateral and financial guarantees received on non-performing exposures with forbearance measures</t>
  </si>
  <si>
    <t>Central banks</t>
  </si>
  <si>
    <t>General governments</t>
  </si>
  <si>
    <t>Credit institutions</t>
  </si>
  <si>
    <t>Other financial corporations</t>
  </si>
  <si>
    <t>Non-financial corporations</t>
  </si>
  <si>
    <t>Households</t>
  </si>
  <si>
    <t>Debt Securities</t>
  </si>
  <si>
    <t>Loan commitments given</t>
  </si>
  <si>
    <t>Gross carrying amount/nominal amount</t>
  </si>
  <si>
    <t>Performing exposures</t>
  </si>
  <si>
    <t>Non-performing exposures</t>
  </si>
  <si>
    <t>Not past due or past due ≤ 30 days</t>
  </si>
  <si>
    <t>Past due &gt; 30 days ≤ 90 days</t>
  </si>
  <si>
    <t>Unlikely to pay that are not past due or are past due ≤ 90 days</t>
  </si>
  <si>
    <t xml:space="preserve">Past due
&gt; 90 days
≤ 180 days
</t>
  </si>
  <si>
    <t xml:space="preserve">Past due
&gt; 180 days
≤ 1 year
</t>
  </si>
  <si>
    <t xml:space="preserve">Past due
&gt; 1 year ≤ 2 years
</t>
  </si>
  <si>
    <t xml:space="preserve">Past due
&gt; 2 years ≤ 5 years
</t>
  </si>
  <si>
    <t xml:space="preserve">Past due
&gt; 5 years ≤ 7 years
</t>
  </si>
  <si>
    <t>Past due &gt; 7 years</t>
  </si>
  <si>
    <t xml:space="preserve">      Of which SMEs</t>
  </si>
  <si>
    <t>n</t>
  </si>
  <si>
    <t>o</t>
  </si>
  <si>
    <t>Accumulated partial write-off</t>
  </si>
  <si>
    <t>Collateral and financial guarantees received</t>
  </si>
  <si>
    <t>Performing exposures – accumulated impairment and provisions</t>
  </si>
  <si>
    <t xml:space="preserve">Non-performing exposures – accumulated impairment, accumulated negative changes in fair value due to credit risk and provisions </t>
  </si>
  <si>
    <t>Of which stage 1</t>
  </si>
  <si>
    <t>Of which stage 2</t>
  </si>
  <si>
    <t>Of which stage 3</t>
  </si>
  <si>
    <t xml:space="preserve">          Of which SMEs</t>
  </si>
  <si>
    <t xml:space="preserve">Collateral obtained by taking possession </t>
  </si>
  <si>
    <t>Value at initial recognition</t>
  </si>
  <si>
    <t>Accumulated negative changes</t>
  </si>
  <si>
    <t>Property, plant and equipment (PP&amp;E)</t>
  </si>
  <si>
    <t>Other than PP&amp;E</t>
  </si>
  <si>
    <t>Residential immovable property</t>
  </si>
  <si>
    <t>Commercial Immovable property</t>
  </si>
  <si>
    <t>Movable property (auto, shipping, etc.)</t>
  </si>
  <si>
    <t>Equity and debt instruments</t>
  </si>
  <si>
    <t>EU CQ3 - Credit quality of performing and non-performing exposures by past due days</t>
  </si>
  <si>
    <t>EU CQ1 - Credit quality of forborne exposures</t>
  </si>
  <si>
    <t>EU CR1 - Performing and non-performing exposures and related provisions</t>
  </si>
  <si>
    <t xml:space="preserve">EU CQ7 - Collateral obtained by taking possession and execution processes </t>
  </si>
  <si>
    <t>Capital instruments</t>
  </si>
  <si>
    <t>EU INS1</t>
  </si>
  <si>
    <t>EU KM1</t>
  </si>
  <si>
    <t>EU CR1-A</t>
  </si>
  <si>
    <t>EU CR1-B</t>
  </si>
  <si>
    <t>EU CR1-C</t>
  </si>
  <si>
    <t>EU CQ1</t>
  </si>
  <si>
    <t>EU CQ3</t>
  </si>
  <si>
    <t>EU CR1</t>
  </si>
  <si>
    <t>EU CQ7</t>
  </si>
  <si>
    <t>EU CR3</t>
  </si>
  <si>
    <t>EU CR4</t>
  </si>
  <si>
    <t>EU CR5</t>
  </si>
  <si>
    <t>EU CR6</t>
  </si>
  <si>
    <t>EU CR7</t>
  </si>
  <si>
    <t xml:space="preserve">EU CCR1 </t>
  </si>
  <si>
    <t xml:space="preserve">EU CCR2 </t>
  </si>
  <si>
    <t xml:space="preserve">EU CCR3 </t>
  </si>
  <si>
    <t xml:space="preserve">EU CCR4 </t>
  </si>
  <si>
    <t>EU CCR5-A</t>
  </si>
  <si>
    <t>EU CCR5-B</t>
  </si>
  <si>
    <t xml:space="preserve">EU CCR6 </t>
  </si>
  <si>
    <t xml:space="preserve">EU CCR8 </t>
  </si>
  <si>
    <t>EU MR1</t>
  </si>
  <si>
    <t>EU MR2-A</t>
  </si>
  <si>
    <t>EU MR3</t>
  </si>
  <si>
    <t>EU OV1</t>
  </si>
  <si>
    <t>EU CR8</t>
  </si>
  <si>
    <t xml:space="preserve">EU CCR7 </t>
  </si>
  <si>
    <t>EU MR2-B</t>
  </si>
  <si>
    <t>0.00 to &lt; 0.15</t>
  </si>
  <si>
    <t>0.15 to &lt; 0.25</t>
  </si>
  <si>
    <t>0.25 to &lt; 0.50</t>
  </si>
  <si>
    <t>0.50 to &lt; 0.75</t>
  </si>
  <si>
    <t>0.75 to &lt; 2.50</t>
  </si>
  <si>
    <t>2.50 to &lt; 10.00</t>
  </si>
  <si>
    <t>10.00 to &lt; 100.00</t>
  </si>
  <si>
    <t>100.00(Default)</t>
  </si>
  <si>
    <t>RWAs at the previous quarter-end (end of day)</t>
  </si>
  <si>
    <t>Unique identifier (eg CUSIP, ISIN or Bloomberg identifier for private placement)</t>
  </si>
  <si>
    <t>Fully discretionary, partially discretionary or mandatory (in terms of timing)</t>
  </si>
  <si>
    <t>EU CR2-A – Changes in the stock of general and specific credit risk adjustments</t>
  </si>
  <si>
    <t>Accumulated general credit risk adjustment</t>
  </si>
  <si>
    <t>Increases due to amounts set aside for estimated loan losses during the period</t>
  </si>
  <si>
    <t>Decreases due to amounts reversed for estimated loan losses during the period</t>
  </si>
  <si>
    <t>Decreases due to amounts taken against accumulated credit risk adjustments</t>
  </si>
  <si>
    <t>Transfers between credit risk adjustments</t>
  </si>
  <si>
    <t>Impact of exchange rate differences</t>
  </si>
  <si>
    <t>Business combinations, including acquisitions and disposals of subsidiaries</t>
  </si>
  <si>
    <t>Closing balance</t>
  </si>
  <si>
    <t>Recoveries on credit risk adjustments recorded directly to the statement of profit or loss</t>
  </si>
  <si>
    <t>Specific credit risk adjustments directly recorded to the statement of profit or loss</t>
  </si>
  <si>
    <t>EU CR2-B – Changes in the stock of defaulted and impaired loans and debt securities</t>
  </si>
  <si>
    <t>Gross carrying value defaulted exposures</t>
  </si>
  <si>
    <t>Loans and debt securities that have defaulted or impaired since the last reporting period</t>
  </si>
  <si>
    <t>Returned to non-defaulted status</t>
  </si>
  <si>
    <t>Amounts written off</t>
  </si>
  <si>
    <t>Other changes</t>
  </si>
  <si>
    <t>EU CR2-A</t>
  </si>
  <si>
    <t>EU CR2-B</t>
  </si>
  <si>
    <t>Liquidity Coverage Ratio</t>
  </si>
  <si>
    <t>XS2076169668</t>
  </si>
  <si>
    <t>USD 900m</t>
  </si>
  <si>
    <t xml:space="preserve"> 2019-11-05</t>
  </si>
  <si>
    <t xml:space="preserve"> 2025-05-13 or at any time thereafter. At Prevailing Principal Amount </t>
  </si>
  <si>
    <t>5.125% pa. If not called then new fixed rate set to USD Mid-Swap Rate for the relevant 5 Year period+Reset margin that is 3.463%pa.</t>
  </si>
  <si>
    <t>SFTs</t>
  </si>
  <si>
    <t>0.1%</t>
  </si>
  <si>
    <r>
      <rPr>
        <vertAlign val="superscript"/>
        <sz val="8"/>
        <color theme="1"/>
        <rFont val="SEB SansSerif"/>
        <charset val="186"/>
      </rPr>
      <t>1)</t>
    </r>
    <r>
      <rPr>
        <sz val="8"/>
        <color theme="1"/>
        <rFont val="SEB SansSerif"/>
        <charset val="186"/>
      </rPr>
      <t xml:space="preserve"> Posted initial margin, excluding client clearing.</t>
    </r>
  </si>
  <si>
    <t>SEB Group, Pillar 3 disclosure 2020</t>
  </si>
  <si>
    <t>30 Sep 2020</t>
  </si>
  <si>
    <t>30 Jun 2020</t>
  </si>
  <si>
    <t>31 Mar 2020</t>
  </si>
  <si>
    <t>31 Dec 2020</t>
  </si>
  <si>
    <t>RWA as at 31 Dec 2020</t>
  </si>
  <si>
    <t>RWA as at 30 Sep 2020</t>
  </si>
  <si>
    <t xml:space="preserve"> RWA as at 31 Dec 2020</t>
  </si>
  <si>
    <t>31 Dec 2020, SEK m</t>
  </si>
  <si>
    <t>30 Jun 2020, SEK m</t>
  </si>
  <si>
    <t>31 Dec  2020</t>
  </si>
  <si>
    <t>MOR1</t>
  </si>
  <si>
    <t>MOR2</t>
  </si>
  <si>
    <t>PUBLGUAR</t>
  </si>
  <si>
    <t>Information on loans and advances subject to legislative and non-legislative moratoria</t>
  </si>
  <si>
    <t>Breakdown of loans and advances subject to legislative and non-legislative moratoria by residual maturity of moratoria</t>
  </si>
  <si>
    <t>Information on newly originated loans and advances provided under newly applicable public guarantee schemes introduced in response to COVID-19 crisis</t>
  </si>
  <si>
    <t>Gross carrying amount</t>
  </si>
  <si>
    <t xml:space="preserve">Accumulated impairment, accumulated negative changes in fair value due to credit risk </t>
  </si>
  <si>
    <t xml:space="preserve">Gross carrying amount </t>
  </si>
  <si>
    <t xml:space="preserve">Performing </t>
  </si>
  <si>
    <t xml:space="preserve">Non performing </t>
  </si>
  <si>
    <t>Inflows to 
non-performing exposures</t>
  </si>
  <si>
    <t>Of which:
exposures with forbearance measures</t>
  </si>
  <si>
    <t>Of which:
Instruments with significant increase in credit risk since initial recognition but not credit-impaired (Stage 2)</t>
  </si>
  <si>
    <t xml:space="preserve">Of which:
Unlikely to pay that are not past-due or past-due &lt;= 90 days </t>
  </si>
  <si>
    <t>Loans and advances subject to moratorium</t>
  </si>
  <si>
    <t>of which: Households</t>
  </si>
  <si>
    <t xml:space="preserve">   of which: Collateralised by residential immovable property</t>
  </si>
  <si>
    <t>of which: Non-financial corporations</t>
  </si>
  <si>
    <t xml:space="preserve">   of which: Small and Medium-sized Enterprises</t>
  </si>
  <si>
    <t xml:space="preserve">   of which: Collateralised by commercial immovable property</t>
  </si>
  <si>
    <t>Of which: 
legislative moratoria</t>
  </si>
  <si>
    <t>Of which: 
expired</t>
  </si>
  <si>
    <t>Residual maturity of moratoria</t>
  </si>
  <si>
    <t>&lt;= 3 months</t>
  </si>
  <si>
    <t>&gt; 3 months
&lt;= 6 months</t>
  </si>
  <si>
    <t>&gt; 6 months
&lt;= 9 months</t>
  </si>
  <si>
    <t>&gt; 9 months
&lt;= 12 months</t>
  </si>
  <si>
    <t>&gt; 1 year</t>
  </si>
  <si>
    <t>Loans and advances for which moratorium was offered</t>
  </si>
  <si>
    <t>Loans and advances subject to moratorium (granted)</t>
  </si>
  <si>
    <t xml:space="preserve">    of which: Collateralised by residential immovable property</t>
  </si>
  <si>
    <t xml:space="preserve">    of which: Small and Medium-sized Enterprises</t>
  </si>
  <si>
    <t xml:space="preserve">    of which: Collateralised by commercial immovable property</t>
  </si>
  <si>
    <t>Maximum amount of the guarantee that can be considered</t>
  </si>
  <si>
    <t>of which: forborne</t>
  </si>
  <si>
    <t>Public guarantees received</t>
  </si>
  <si>
    <t>Newly originated loans and advances subject to public guarantee schemes</t>
  </si>
  <si>
    <t>of which: Collateralised by residential immovable property</t>
  </si>
  <si>
    <t>of which: Small and Medium-sized Enterprises</t>
  </si>
  <si>
    <t>of which: Collateralised by commercial immovable property</t>
  </si>
  <si>
    <t>SEB Group, Pillar 3 disclosure 2020 Q4</t>
  </si>
  <si>
    <t>United Kingdom</t>
  </si>
  <si>
    <t>SEK 10,057m</t>
  </si>
  <si>
    <t>SEK 8,549m</t>
  </si>
  <si>
    <t>SEK 4,912m</t>
  </si>
  <si>
    <t>SEK 7,367m</t>
  </si>
  <si>
    <t>21.0%</t>
  </si>
  <si>
    <t>22.7%</t>
  </si>
  <si>
    <t>25.1%</t>
  </si>
  <si>
    <t>19.4%</t>
  </si>
  <si>
    <t>21.2%</t>
  </si>
  <si>
    <t>23.7%</t>
  </si>
  <si>
    <t>17.8%</t>
  </si>
  <si>
    <t>19.7%</t>
  </si>
  <si>
    <t>22.2%</t>
  </si>
  <si>
    <t>16.8%</t>
  </si>
  <si>
    <t>18.7%</t>
  </si>
  <si>
    <t>17.6%</t>
  </si>
  <si>
    <t>20.8%</t>
  </si>
  <si>
    <t>23.3%</t>
  </si>
  <si>
    <t>2.5%</t>
  </si>
  <si>
    <t>1.5%</t>
  </si>
  <si>
    <t>3.0%</t>
  </si>
  <si>
    <t>4.0%</t>
  </si>
  <si>
    <t>6.6%</t>
  </si>
  <si>
    <t>9.9%</t>
  </si>
  <si>
    <t>5.1%</t>
  </si>
  <si>
    <t>5.6%</t>
  </si>
  <si>
    <t>9.4%</t>
  </si>
  <si>
    <t>4.6%</t>
  </si>
  <si>
    <t>7.0%</t>
  </si>
  <si>
    <t>7.7%</t>
  </si>
  <si>
    <t>4.3%</t>
  </si>
  <si>
    <t>6.7%</t>
  </si>
  <si>
    <t>6.1%</t>
  </si>
  <si>
    <t>11.1%</t>
  </si>
  <si>
    <t>1.0%</t>
  </si>
  <si>
    <t>16.5%</t>
  </si>
  <si>
    <t>10.1%</t>
  </si>
  <si>
    <t>14.9%</t>
  </si>
  <si>
    <t>Opening balance 30 Jun</t>
  </si>
  <si>
    <t>Accumulated specific credit risk adjustment</t>
  </si>
  <si>
    <r>
      <t>Househo</t>
    </r>
    <r>
      <rPr>
        <sz val="10"/>
        <rFont val="SEB SansSerif"/>
        <charset val="186"/>
      </rPr>
      <t>lds</t>
    </r>
  </si>
  <si>
    <t>(1) Within the exposure class retail the number of exposures which were separately assigned to a certain rating grade or pool shall be reported. An obligor may be considered in more than one grade.</t>
  </si>
  <si>
    <t>Sheet no.</t>
  </si>
  <si>
    <t>Transitional own funds for SEB consolidated situation</t>
  </si>
  <si>
    <t>Capital Adequacy and Risk Management Disclosure (Pillar 3)
2020 Q4</t>
  </si>
  <si>
    <t>OF</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7">
    <numFmt numFmtId="42" formatCode="_-* #,##0\ &quot;kr&quot;_-;\-* #,##0\ &quot;kr&quot;_-;_-* &quot;-&quot;\ &quot;kr&quot;_-;_-@_-"/>
    <numFmt numFmtId="43" formatCode="_-* #,##0.00_-;\-* #,##0.00_-;_-* &quot;-&quot;??_-;_-@_-"/>
    <numFmt numFmtId="164" formatCode="_-* #,##0\ _k_r_-;\-* #,##0\ _k_r_-;_-* &quot;-&quot;\ _k_r_-;_-@_-"/>
    <numFmt numFmtId="165" formatCode="_-* #,##0.00\ _k_r_-;\-* #,##0.00\ _k_r_-;_-* &quot;-&quot;??\ _k_r_-;_-@_-"/>
    <numFmt numFmtId="166" formatCode="_-* #,##0\ &quot;€&quot;_-;\-* #,##0\ &quot;€&quot;_-;_-* &quot;-&quot;\ &quot;€&quot;_-;_-@_-"/>
    <numFmt numFmtId="167" formatCode="_-* #,##0\ _€_-;\-* #,##0\ _€_-;_-* &quot;-&quot;\ _€_-;_-@_-"/>
    <numFmt numFmtId="168" formatCode="_-* #,##0.00\ &quot;€&quot;_-;\-* #,##0.00\ &quot;€&quot;_-;_-* &quot;-&quot;??\ &quot;€&quot;_-;_-@_-"/>
    <numFmt numFmtId="169" formatCode="_-* #,##0.00\ _€_-;\-* #,##0.00\ _€_-;_-* &quot;-&quot;??\ _€_-;_-@_-"/>
    <numFmt numFmtId="170" formatCode="_-* #,##0.00\ [$€-1]_-;\-* #,##0.00\ [$€-1]_-;_-* &quot;-&quot;??\ [$€-1]_-"/>
    <numFmt numFmtId="171" formatCode="[$-409]dd/mmm/yy;@"/>
    <numFmt numFmtId="172" formatCode="#,##0.0\ _k_r"/>
    <numFmt numFmtId="173" formatCode="#,##0.0"/>
    <numFmt numFmtId="174" formatCode="0.0%"/>
    <numFmt numFmtId="176" formatCode="dd\ mmmm\ yyyy"/>
    <numFmt numFmtId="177" formatCode="0.000%"/>
    <numFmt numFmtId="178" formatCode="[$-F800]dddd\,\ mmmm\ dd\,\ yyyy"/>
    <numFmt numFmtId="185" formatCode="#,##0\ [$€-1];[Red]\-#,##0\ [$€-1]"/>
  </numFmts>
  <fonts count="173">
    <font>
      <sz val="10"/>
      <color theme="1"/>
      <name val="SEB SansSerif"/>
      <family val="2"/>
      <scheme val="minor"/>
    </font>
    <font>
      <sz val="11"/>
      <color theme="1"/>
      <name val="SEB SansSerif"/>
      <family val="2"/>
      <scheme val="minor"/>
    </font>
    <font>
      <sz val="11"/>
      <color theme="1"/>
      <name val="SEB SansSerif"/>
      <family val="2"/>
      <scheme val="minor"/>
    </font>
    <font>
      <sz val="11"/>
      <color theme="1"/>
      <name val="SEB SansSerif"/>
      <family val="2"/>
      <scheme val="minor"/>
    </font>
    <font>
      <sz val="11"/>
      <color theme="1"/>
      <name val="SEB SansSerif"/>
      <family val="2"/>
      <scheme val="minor"/>
    </font>
    <font>
      <sz val="10"/>
      <color theme="1"/>
      <name val="SEB SansSerif"/>
      <family val="2"/>
    </font>
    <font>
      <sz val="10"/>
      <color theme="1"/>
      <name val="SEB SansSerif"/>
      <family val="2"/>
    </font>
    <font>
      <sz val="10"/>
      <color theme="1"/>
      <name val="SEB SansSerif"/>
      <family val="2"/>
    </font>
    <font>
      <sz val="10"/>
      <color theme="1"/>
      <name val="SEB SansSerif"/>
      <family val="2"/>
    </font>
    <font>
      <sz val="10"/>
      <color theme="1"/>
      <name val="SEB SansSerif"/>
      <family val="2"/>
    </font>
    <font>
      <sz val="10"/>
      <color theme="1"/>
      <name val="SEB SansSerif"/>
      <family val="2"/>
    </font>
    <font>
      <sz val="10"/>
      <color theme="1"/>
      <name val="SEB SansSerif"/>
      <family val="2"/>
    </font>
    <font>
      <sz val="10"/>
      <color theme="1"/>
      <name val="SEB SansSerif"/>
      <family val="2"/>
    </font>
    <font>
      <sz val="10"/>
      <name val="SEB SansSerif"/>
      <charset val="186"/>
    </font>
    <font>
      <sz val="10"/>
      <color theme="1"/>
      <name val="SEB Basic"/>
      <family val="2"/>
    </font>
    <font>
      <sz val="10"/>
      <color theme="1"/>
      <name val="SEB Basic"/>
      <family val="2"/>
    </font>
    <font>
      <sz val="10"/>
      <color rgb="FF000000"/>
      <name val="Times New Roman"/>
      <family val="1"/>
    </font>
    <font>
      <sz val="10"/>
      <color theme="1"/>
      <name val="SEB SansSerif"/>
      <family val="2"/>
      <scheme val="minor"/>
    </font>
    <font>
      <sz val="10"/>
      <name val="Arial"/>
      <family val="2"/>
    </font>
    <font>
      <sz val="10"/>
      <name val="Arial"/>
      <family val="2"/>
    </font>
    <font>
      <b/>
      <sz val="10"/>
      <name val="Arial"/>
      <family val="2"/>
    </font>
    <font>
      <sz val="10"/>
      <name val="Helv"/>
    </font>
    <font>
      <sz val="10"/>
      <name val="MS Sans Serif"/>
      <family val="2"/>
    </font>
    <font>
      <sz val="11"/>
      <color indexed="8"/>
      <name val="Calibri"/>
      <family val="2"/>
    </font>
    <font>
      <sz val="11"/>
      <color indexed="9"/>
      <name val="Calibri"/>
      <family val="2"/>
    </font>
    <font>
      <b/>
      <sz val="11"/>
      <color indexed="52"/>
      <name val="Calibri"/>
      <family val="2"/>
    </font>
    <font>
      <sz val="11"/>
      <color indexed="17"/>
      <name val="Calibri"/>
      <family val="2"/>
    </font>
    <font>
      <sz val="11"/>
      <color indexed="20"/>
      <name val="Calibri"/>
      <family val="2"/>
    </font>
    <font>
      <i/>
      <sz val="11"/>
      <color indexed="23"/>
      <name val="Calibri"/>
      <family val="2"/>
    </font>
    <font>
      <sz val="11"/>
      <color indexed="62"/>
      <name val="Calibri"/>
      <family val="2"/>
    </font>
    <font>
      <b/>
      <sz val="11"/>
      <color indexed="9"/>
      <name val="Calibri"/>
      <family val="2"/>
    </font>
    <font>
      <sz val="11"/>
      <color indexed="52"/>
      <name val="Calibri"/>
      <family val="2"/>
    </font>
    <font>
      <sz val="11"/>
      <color indexed="60"/>
      <name val="Calibri"/>
      <family val="2"/>
    </font>
    <font>
      <b/>
      <sz val="18"/>
      <color indexed="56"/>
      <name val="Cambria"/>
      <family val="2"/>
    </font>
    <font>
      <b/>
      <sz val="15"/>
      <color indexed="56"/>
      <name val="Calibri"/>
      <family val="2"/>
    </font>
    <font>
      <b/>
      <sz val="13"/>
      <color indexed="56"/>
      <name val="Calibri"/>
      <family val="2"/>
    </font>
    <font>
      <b/>
      <sz val="11"/>
      <color indexed="56"/>
      <name val="Calibri"/>
      <family val="2"/>
    </font>
    <font>
      <b/>
      <sz val="11"/>
      <color indexed="8"/>
      <name val="Calibri"/>
      <family val="2"/>
    </font>
    <font>
      <b/>
      <sz val="11"/>
      <color indexed="63"/>
      <name val="Calibri"/>
      <family val="2"/>
    </font>
    <font>
      <sz val="11"/>
      <color indexed="10"/>
      <name val="Calibri"/>
      <family val="2"/>
    </font>
    <font>
      <sz val="8"/>
      <color indexed="8"/>
      <name val="Tahoma"/>
      <family val="2"/>
    </font>
    <font>
      <sz val="8"/>
      <color indexed="9"/>
      <name val="Tahoma"/>
      <family val="2"/>
    </font>
    <font>
      <sz val="8"/>
      <color indexed="20"/>
      <name val="Tahoma"/>
      <family val="2"/>
    </font>
    <font>
      <b/>
      <sz val="8"/>
      <color indexed="52"/>
      <name val="Tahoma"/>
      <family val="2"/>
    </font>
    <font>
      <b/>
      <sz val="8"/>
      <color indexed="9"/>
      <name val="Tahoma"/>
      <family val="2"/>
    </font>
    <font>
      <i/>
      <sz val="8"/>
      <color indexed="23"/>
      <name val="Tahoma"/>
      <family val="2"/>
    </font>
    <font>
      <sz val="8"/>
      <color indexed="17"/>
      <name val="Tahoma"/>
      <family val="2"/>
    </font>
    <font>
      <b/>
      <sz val="15"/>
      <color indexed="56"/>
      <name val="Tahoma"/>
      <family val="2"/>
    </font>
    <font>
      <b/>
      <sz val="13"/>
      <color indexed="56"/>
      <name val="Tahoma"/>
      <family val="2"/>
    </font>
    <font>
      <b/>
      <sz val="11"/>
      <color indexed="56"/>
      <name val="Tahoma"/>
      <family val="2"/>
    </font>
    <font>
      <sz val="8"/>
      <color indexed="62"/>
      <name val="Tahoma"/>
      <family val="2"/>
    </font>
    <font>
      <sz val="8"/>
      <color indexed="52"/>
      <name val="Tahoma"/>
      <family val="2"/>
    </font>
    <font>
      <b/>
      <sz val="8"/>
      <color indexed="63"/>
      <name val="Tahoma"/>
      <family val="2"/>
    </font>
    <font>
      <sz val="10"/>
      <name val="Trebuchet MS"/>
      <family val="2"/>
    </font>
    <font>
      <b/>
      <sz val="12"/>
      <name val="Trebuchet MS"/>
      <family val="2"/>
    </font>
    <font>
      <b/>
      <sz val="10"/>
      <name val="Trebuchet MS"/>
      <family val="2"/>
    </font>
    <font>
      <b/>
      <sz val="8"/>
      <color indexed="8"/>
      <name val="Tahoma"/>
      <family val="2"/>
    </font>
    <font>
      <sz val="8"/>
      <color indexed="10"/>
      <name val="Tahoma"/>
      <family val="2"/>
    </font>
    <font>
      <b/>
      <sz val="12"/>
      <name val="Arial"/>
      <family val="2"/>
    </font>
    <font>
      <sz val="10"/>
      <name val="Times New Roman"/>
      <family val="1"/>
    </font>
    <font>
      <b/>
      <sz val="10"/>
      <color indexed="9"/>
      <name val="Arial"/>
      <family val="2"/>
    </font>
    <font>
      <b/>
      <sz val="9"/>
      <color indexed="53"/>
      <name val="Tahoma"/>
      <family val="2"/>
    </font>
    <font>
      <sz val="11"/>
      <color rgb="FF000000"/>
      <name val="Calibri"/>
      <family val="2"/>
    </font>
    <font>
      <sz val="11"/>
      <color theme="1"/>
      <name val="Arial"/>
      <family val="2"/>
    </font>
    <font>
      <sz val="10"/>
      <color indexed="8"/>
      <name val="Arial"/>
      <family val="2"/>
    </font>
    <font>
      <sz val="9"/>
      <name val="Arial"/>
      <family val="2"/>
    </font>
    <font>
      <b/>
      <i/>
      <sz val="10"/>
      <color indexed="8"/>
      <name val="Arial"/>
      <family val="2"/>
    </font>
    <font>
      <b/>
      <sz val="10"/>
      <color indexed="18"/>
      <name val="Arial"/>
      <family val="2"/>
    </font>
    <font>
      <b/>
      <sz val="22"/>
      <color indexed="18"/>
      <name val="Times New Roman"/>
      <family val="1"/>
    </font>
    <font>
      <u/>
      <sz val="10"/>
      <color indexed="12"/>
      <name val="Arial"/>
      <family val="2"/>
    </font>
    <font>
      <b/>
      <sz val="11"/>
      <color indexed="10"/>
      <name val="Calibri"/>
      <family val="2"/>
    </font>
    <font>
      <b/>
      <sz val="15"/>
      <color indexed="62"/>
      <name val="Calibri"/>
      <family val="2"/>
    </font>
    <font>
      <b/>
      <sz val="13"/>
      <color indexed="62"/>
      <name val="Calibri"/>
      <family val="2"/>
    </font>
    <font>
      <b/>
      <sz val="11"/>
      <color indexed="62"/>
      <name val="Calibri"/>
      <family val="2"/>
    </font>
    <font>
      <b/>
      <sz val="18"/>
      <color indexed="62"/>
      <name val="Cambria"/>
      <family val="2"/>
    </font>
    <font>
      <sz val="11"/>
      <color indexed="8"/>
      <name val="Palatino"/>
      <family val="2"/>
    </font>
    <font>
      <sz val="11"/>
      <color indexed="9"/>
      <name val="Palatino"/>
      <family val="2"/>
    </font>
    <font>
      <sz val="11"/>
      <color indexed="20"/>
      <name val="Palatino"/>
      <family val="2"/>
    </font>
    <font>
      <b/>
      <sz val="11"/>
      <color indexed="10"/>
      <name val="Palatino"/>
      <family val="2"/>
    </font>
    <font>
      <b/>
      <sz val="11"/>
      <color indexed="9"/>
      <name val="Palatino"/>
      <family val="2"/>
    </font>
    <font>
      <i/>
      <sz val="11"/>
      <color indexed="23"/>
      <name val="Palatino"/>
      <family val="2"/>
    </font>
    <font>
      <sz val="11"/>
      <color indexed="17"/>
      <name val="Palatino"/>
      <family val="2"/>
    </font>
    <font>
      <b/>
      <sz val="15"/>
      <color indexed="62"/>
      <name val="Palatino"/>
      <family val="2"/>
    </font>
    <font>
      <b/>
      <sz val="13"/>
      <color indexed="62"/>
      <name val="Palatino"/>
      <family val="2"/>
    </font>
    <font>
      <b/>
      <sz val="11"/>
      <color indexed="62"/>
      <name val="Palatino"/>
      <family val="2"/>
    </font>
    <font>
      <sz val="11"/>
      <color indexed="62"/>
      <name val="Palatino"/>
      <family val="2"/>
    </font>
    <font>
      <sz val="11"/>
      <color indexed="10"/>
      <name val="Palatino"/>
      <family val="2"/>
    </font>
    <font>
      <sz val="11"/>
      <color indexed="19"/>
      <name val="Palatino"/>
      <family val="2"/>
    </font>
    <font>
      <b/>
      <sz val="11"/>
      <color indexed="63"/>
      <name val="Palatino"/>
      <family val="2"/>
    </font>
    <font>
      <b/>
      <sz val="11"/>
      <color indexed="8"/>
      <name val="Palatino"/>
      <family val="2"/>
    </font>
    <font>
      <sz val="10"/>
      <color theme="1"/>
      <name val="SEB SansSerif"/>
      <charset val="186"/>
    </font>
    <font>
      <b/>
      <sz val="10"/>
      <name val="SEB SansSerif"/>
      <charset val="186"/>
    </font>
    <font>
      <b/>
      <i/>
      <sz val="10"/>
      <color theme="1"/>
      <name val="SEB SansSerif"/>
      <charset val="186"/>
    </font>
    <font>
      <b/>
      <sz val="10"/>
      <color theme="1"/>
      <name val="SEB SansSerif"/>
      <charset val="186"/>
    </font>
    <font>
      <b/>
      <sz val="10"/>
      <color rgb="FFFF0000"/>
      <name val="SEB SansSerif"/>
      <charset val="186"/>
    </font>
    <font>
      <i/>
      <sz val="10"/>
      <color theme="1"/>
      <name val="SEB SansSerif"/>
      <charset val="186"/>
    </font>
    <font>
      <sz val="10"/>
      <color rgb="FFFF0000"/>
      <name val="SEB SansSerif"/>
      <charset val="186"/>
    </font>
    <font>
      <sz val="10"/>
      <name val="Arial"/>
      <family val="2"/>
      <charset val="186"/>
    </font>
    <font>
      <i/>
      <sz val="10"/>
      <name val="SEB SansSerif"/>
      <charset val="186"/>
    </font>
    <font>
      <sz val="10"/>
      <name val="Arial"/>
      <family val="2"/>
      <charset val="186"/>
    </font>
    <font>
      <sz val="10"/>
      <color rgb="FF0070FF"/>
      <name val="SEB SansSerif"/>
      <charset val="186"/>
    </font>
    <font>
      <b/>
      <sz val="10"/>
      <color indexed="8"/>
      <name val="SEB SansSerif"/>
      <charset val="186"/>
    </font>
    <font>
      <sz val="10"/>
      <color indexed="8"/>
      <name val="SEB SansSerif"/>
      <charset val="186"/>
    </font>
    <font>
      <b/>
      <i/>
      <sz val="10"/>
      <color rgb="FFFF0000"/>
      <name val="SEB SansSerif"/>
      <charset val="186"/>
    </font>
    <font>
      <sz val="11"/>
      <color theme="1"/>
      <name val="SEB SansSerif"/>
      <family val="2"/>
      <charset val="186"/>
      <scheme val="minor"/>
    </font>
    <font>
      <sz val="10"/>
      <color theme="1"/>
      <name val="SEB SansSerif"/>
      <charset val="186"/>
    </font>
    <font>
      <sz val="11"/>
      <color theme="1"/>
      <name val="SEB SansSerif"/>
      <family val="2"/>
      <charset val="186"/>
      <scheme val="minor"/>
    </font>
    <font>
      <b/>
      <sz val="10"/>
      <color theme="1"/>
      <name val="SEB SansSerif"/>
      <family val="2"/>
      <scheme val="minor"/>
    </font>
    <font>
      <sz val="10"/>
      <name val="Arial"/>
      <family val="2"/>
      <charset val="186"/>
    </font>
    <font>
      <sz val="8"/>
      <color rgb="FFFF0000"/>
      <name val="SEB SansSerif"/>
      <charset val="186"/>
    </font>
    <font>
      <sz val="11"/>
      <color theme="1"/>
      <name val="Palatino"/>
      <family val="2"/>
    </font>
    <font>
      <sz val="9"/>
      <color theme="1"/>
      <name val="SEB SansSerif"/>
      <charset val="186"/>
    </font>
    <font>
      <b/>
      <sz val="10"/>
      <color theme="1"/>
      <name val="SEB SansSerif"/>
      <charset val="186"/>
    </font>
    <font>
      <b/>
      <sz val="10"/>
      <color theme="1"/>
      <name val="SEB SansSerif"/>
      <charset val="186"/>
    </font>
    <font>
      <b/>
      <sz val="10"/>
      <color theme="1"/>
      <name val="SEB SansSerif"/>
      <charset val="186"/>
    </font>
    <font>
      <sz val="10"/>
      <name val="SEB SansSerif"/>
      <charset val="186"/>
    </font>
    <font>
      <b/>
      <sz val="10"/>
      <color theme="1"/>
      <name val="SEB SansSerif"/>
      <charset val="186"/>
    </font>
    <font>
      <sz val="10"/>
      <color theme="1"/>
      <name val="SEB SansSerif"/>
      <charset val="186"/>
    </font>
    <font>
      <sz val="9"/>
      <color rgb="FFFF0000"/>
      <name val="SEB SansSerif"/>
      <charset val="186"/>
    </font>
    <font>
      <b/>
      <sz val="10"/>
      <color theme="1"/>
      <name val="SEB SansSerif"/>
      <charset val="186"/>
      <scheme val="minor"/>
    </font>
    <font>
      <b/>
      <sz val="10"/>
      <name val="SEB SansSerif"/>
      <charset val="186"/>
      <scheme val="minor"/>
    </font>
    <font>
      <sz val="10"/>
      <name val="SEB SansSerif"/>
      <charset val="186"/>
      <scheme val="minor"/>
    </font>
    <font>
      <sz val="10"/>
      <color theme="1"/>
      <name val="SEB SansSerif"/>
      <charset val="186"/>
      <scheme val="minor"/>
    </font>
    <font>
      <sz val="10"/>
      <color rgb="FFC00000"/>
      <name val="SEB SansSerif"/>
      <charset val="186"/>
    </font>
    <font>
      <sz val="10"/>
      <color rgb="FF00B050"/>
      <name val="SEB SansSerif"/>
      <charset val="186"/>
    </font>
    <font>
      <b/>
      <sz val="20"/>
      <name val="Arial"/>
      <family val="2"/>
    </font>
    <font>
      <sz val="11"/>
      <color theme="1"/>
      <name val="SEB SansSerif"/>
      <family val="2"/>
      <scheme val="minor"/>
    </font>
    <font>
      <vertAlign val="superscript"/>
      <sz val="10"/>
      <color theme="1"/>
      <name val="SEB SansSerif"/>
      <charset val="186"/>
    </font>
    <font>
      <u/>
      <sz val="10"/>
      <color theme="10"/>
      <name val="Times New Roman"/>
      <family val="1"/>
    </font>
    <font>
      <sz val="8"/>
      <color theme="1"/>
      <name val="SEB SansSerif"/>
      <charset val="186"/>
    </font>
    <font>
      <b/>
      <sz val="10"/>
      <color theme="1"/>
      <name val="SEB SansSerif"/>
      <charset val="186"/>
      <scheme val="major"/>
    </font>
    <font>
      <sz val="10"/>
      <color theme="1"/>
      <name val="SEB SansSerif"/>
      <charset val="186"/>
      <scheme val="major"/>
    </font>
    <font>
      <sz val="10"/>
      <color rgb="FF000000"/>
      <name val="SEB SansSerif"/>
      <charset val="186"/>
      <scheme val="major"/>
    </font>
    <font>
      <i/>
      <sz val="10"/>
      <color theme="1"/>
      <name val="SEB SansSerif"/>
      <charset val="186"/>
      <scheme val="major"/>
    </font>
    <font>
      <b/>
      <i/>
      <sz val="10"/>
      <color theme="1"/>
      <name val="SEB SansSerif"/>
      <charset val="186"/>
      <scheme val="major"/>
    </font>
    <font>
      <b/>
      <sz val="10"/>
      <name val="SEB SansSerif"/>
      <charset val="186"/>
      <scheme val="major"/>
    </font>
    <font>
      <sz val="10"/>
      <name val="SEB SansSerif"/>
      <charset val="186"/>
      <scheme val="major"/>
    </font>
    <font>
      <i/>
      <sz val="10"/>
      <color rgb="FF000000"/>
      <name val="SEB SansSerif"/>
      <charset val="186"/>
      <scheme val="major"/>
    </font>
    <font>
      <b/>
      <i/>
      <sz val="10"/>
      <color rgb="FF000000"/>
      <name val="SEB SansSerif"/>
      <charset val="186"/>
      <scheme val="major"/>
    </font>
    <font>
      <b/>
      <i/>
      <sz val="10"/>
      <name val="SEB SansSerif"/>
      <charset val="186"/>
    </font>
    <font>
      <b/>
      <sz val="10"/>
      <name val="SEB SansSerif"/>
      <family val="2"/>
      <charset val="186"/>
      <scheme val="minor"/>
    </font>
    <font>
      <i/>
      <sz val="10"/>
      <color rgb="FFFF0000"/>
      <name val="SEB SansSerif"/>
      <charset val="186"/>
    </font>
    <font>
      <sz val="10"/>
      <color rgb="FFFF0000"/>
      <name val="SEB SansSerif"/>
      <charset val="186"/>
    </font>
    <font>
      <vertAlign val="superscript"/>
      <sz val="8"/>
      <color theme="1"/>
      <name val="SEB SansSerif"/>
      <charset val="186"/>
    </font>
    <font>
      <sz val="8"/>
      <color theme="1"/>
      <name val="SEB SansSerif"/>
      <charset val="186"/>
    </font>
    <font>
      <b/>
      <sz val="10"/>
      <color theme="1"/>
      <name val="SEB SansSerif"/>
      <charset val="186"/>
    </font>
    <font>
      <i/>
      <sz val="10"/>
      <color rgb="FFFF0000"/>
      <name val="SEB SansSerif"/>
      <charset val="186"/>
    </font>
    <font>
      <i/>
      <sz val="10"/>
      <color rgb="FF000000"/>
      <name val="SEB SansSerif"/>
      <charset val="186"/>
      <scheme val="major"/>
    </font>
    <font>
      <b/>
      <sz val="10"/>
      <color rgb="FF000000"/>
      <name val="SEB SansSerif"/>
      <charset val="186"/>
      <scheme val="major"/>
    </font>
    <font>
      <sz val="10"/>
      <color theme="1"/>
      <name val="SEB SansSerif"/>
      <charset val="186"/>
      <scheme val="major"/>
    </font>
    <font>
      <b/>
      <sz val="10"/>
      <color theme="1"/>
      <name val="SEB SansSerif"/>
      <charset val="186"/>
      <scheme val="major"/>
    </font>
    <font>
      <b/>
      <sz val="10"/>
      <name val="SEB SansSerif"/>
      <charset val="186"/>
      <scheme val="major"/>
    </font>
    <font>
      <sz val="10"/>
      <color rgb="FF000000"/>
      <name val="SEB SansSerif"/>
      <charset val="186"/>
      <scheme val="major"/>
    </font>
    <font>
      <b/>
      <i/>
      <sz val="10"/>
      <color theme="1"/>
      <name val="SEB SansSerif"/>
      <charset val="186"/>
      <scheme val="major"/>
    </font>
    <font>
      <b/>
      <sz val="10"/>
      <color rgb="FF000000"/>
      <name val="SEB SansSerif"/>
      <charset val="186"/>
      <scheme val="minor"/>
    </font>
    <font>
      <sz val="10"/>
      <color theme="1"/>
      <name val="SEB SansSerif"/>
      <charset val="186"/>
      <scheme val="minor"/>
    </font>
    <font>
      <b/>
      <sz val="10"/>
      <color rgb="FF2F5773"/>
      <name val="SEB SansSerif"/>
      <charset val="186"/>
      <scheme val="minor"/>
    </font>
    <font>
      <sz val="10"/>
      <color rgb="FF000000"/>
      <name val="SEB SansSerif"/>
      <charset val="186"/>
      <scheme val="minor"/>
    </font>
    <font>
      <i/>
      <sz val="10"/>
      <color theme="1"/>
      <name val="SEB SansSerif"/>
      <charset val="186"/>
      <scheme val="minor"/>
    </font>
    <font>
      <b/>
      <i/>
      <sz val="10"/>
      <color theme="1"/>
      <name val="SEB SansSerif"/>
      <charset val="186"/>
      <scheme val="minor"/>
    </font>
    <font>
      <b/>
      <sz val="10"/>
      <color rgb="FF2F5773"/>
      <name val="SEB SansSerif"/>
      <charset val="186"/>
      <scheme val="major"/>
    </font>
    <font>
      <sz val="10"/>
      <color theme="1"/>
      <name val="SEB SansSerif"/>
      <charset val="186"/>
    </font>
    <font>
      <i/>
      <sz val="9"/>
      <color rgb="FFFF0000"/>
      <name val="SEB SansSerif"/>
      <charset val="186"/>
    </font>
    <font>
      <b/>
      <i/>
      <sz val="10"/>
      <name val="SEB SansSerif"/>
      <charset val="186"/>
      <scheme val="minor"/>
    </font>
    <font>
      <i/>
      <sz val="10"/>
      <name val="SEB SansSerif"/>
      <charset val="186"/>
      <scheme val="minor"/>
    </font>
    <font>
      <sz val="8.5"/>
      <name val="SEB SansSerif"/>
      <charset val="186"/>
      <scheme val="minor"/>
    </font>
    <font>
      <sz val="10"/>
      <color indexed="8"/>
      <name val="Helvetica Neue"/>
    </font>
    <font>
      <b/>
      <u/>
      <sz val="10"/>
      <name val="SEB SansSerif"/>
      <charset val="186"/>
      <scheme val="minor"/>
    </font>
    <font>
      <b/>
      <sz val="13"/>
      <color theme="9"/>
      <name val="SEB SansSerif"/>
      <family val="2"/>
      <scheme val="minor"/>
    </font>
    <font>
      <sz val="10"/>
      <name val="SEB SansSerif"/>
      <family val="2"/>
      <charset val="186"/>
      <scheme val="minor"/>
    </font>
    <font>
      <i/>
      <vertAlign val="superscript"/>
      <sz val="10"/>
      <color theme="1"/>
      <name val="SEB SansSerif"/>
      <charset val="186"/>
    </font>
    <font>
      <sz val="10"/>
      <color rgb="FF000000"/>
      <name val="Arial"/>
      <family val="2"/>
      <charset val="186"/>
    </font>
    <font>
      <i/>
      <sz val="10"/>
      <color rgb="FF000000"/>
      <name val="SEB SansSerif"/>
      <charset val="186"/>
      <scheme val="minor"/>
    </font>
  </fonts>
  <fills count="37">
    <fill>
      <patternFill patternType="none"/>
    </fill>
    <fill>
      <patternFill patternType="gray125"/>
    </fill>
    <fill>
      <patternFill patternType="solid">
        <fgColor theme="0" tint="-0.14999847407452621"/>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6"/>
      </patternFill>
    </fill>
    <fill>
      <patternFill patternType="solid">
        <fgColor indexed="22"/>
      </patternFill>
    </fill>
    <fill>
      <patternFill patternType="solid">
        <fgColor indexed="55"/>
      </patternFill>
    </fill>
    <fill>
      <patternFill patternType="solid">
        <fgColor indexed="23"/>
        <bgColor indexed="64"/>
      </patternFill>
    </fill>
    <fill>
      <patternFill patternType="solid">
        <fgColor indexed="9"/>
        <bgColor indexed="64"/>
      </patternFill>
    </fill>
    <fill>
      <patternFill patternType="solid">
        <fgColor indexed="43"/>
      </patternFill>
    </fill>
    <fill>
      <patternFill patternType="solid">
        <fgColor indexed="42"/>
        <bgColor indexed="64"/>
      </patternFill>
    </fill>
    <fill>
      <patternFill patternType="solid">
        <fgColor indexed="57"/>
        <bgColor indexed="64"/>
      </patternFill>
    </fill>
    <fill>
      <patternFill patternType="solid">
        <fgColor indexed="22"/>
        <bgColor indexed="64"/>
      </patternFill>
    </fill>
    <fill>
      <patternFill patternType="solid">
        <fgColor indexed="18"/>
        <bgColor indexed="64"/>
      </patternFill>
    </fill>
    <fill>
      <patternFill patternType="solid">
        <fgColor indexed="56"/>
      </patternFill>
    </fill>
    <fill>
      <patternFill patternType="solid">
        <fgColor indexed="54"/>
      </patternFill>
    </fill>
    <fill>
      <patternFill patternType="solid">
        <fgColor indexed="9"/>
      </patternFill>
    </fill>
    <fill>
      <patternFill patternType="solid">
        <fgColor rgb="FFC0C0C0"/>
        <bgColor indexed="64"/>
      </patternFill>
    </fill>
    <fill>
      <patternFill patternType="solid">
        <fgColor theme="0" tint="-0.249977111117893"/>
        <bgColor indexed="64"/>
      </patternFill>
    </fill>
    <fill>
      <patternFill patternType="solid">
        <fgColor rgb="FFBFBFBF"/>
        <bgColor indexed="64"/>
      </patternFill>
    </fill>
  </fills>
  <borders count="45">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diagonal/>
    </border>
    <border>
      <left/>
      <right/>
      <top/>
      <bottom style="thin">
        <color indexed="64"/>
      </bottom>
      <diagonal/>
    </border>
    <border>
      <left/>
      <right/>
      <top/>
      <bottom style="medium">
        <color indexed="64"/>
      </bottom>
      <diagonal/>
    </border>
    <border>
      <left style="thin">
        <color indexed="22"/>
      </left>
      <right style="thin">
        <color indexed="22"/>
      </right>
      <top style="thin">
        <color indexed="22"/>
      </top>
      <bottom style="thin">
        <color indexed="22"/>
      </bottom>
      <diagonal/>
    </border>
    <border>
      <left/>
      <right/>
      <top style="thin">
        <color indexed="60"/>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63"/>
      </left>
      <right style="thin">
        <color indexed="63"/>
      </right>
      <top style="thin">
        <color indexed="63"/>
      </top>
      <bottom style="thin">
        <color indexed="63"/>
      </bottom>
      <diagonal/>
    </border>
    <border>
      <left/>
      <right/>
      <top/>
      <bottom style="thin">
        <color indexed="55"/>
      </bottom>
      <diagonal/>
    </border>
    <border>
      <left/>
      <right/>
      <top style="thin">
        <color indexed="62"/>
      </top>
      <bottom style="double">
        <color indexed="62"/>
      </bottom>
      <diagonal/>
    </border>
    <border>
      <left style="hair">
        <color indexed="64"/>
      </left>
      <right style="hair">
        <color indexed="64"/>
      </right>
      <top style="hair">
        <color indexed="64"/>
      </top>
      <bottom style="hair">
        <color indexed="64"/>
      </bottom>
      <diagonal/>
    </border>
    <border>
      <left/>
      <right/>
      <top/>
      <bottom style="thin">
        <color indexed="18"/>
      </bottom>
      <diagonal/>
    </border>
    <border>
      <left/>
      <right/>
      <top/>
      <bottom style="thick">
        <color indexed="56"/>
      </bottom>
      <diagonal/>
    </border>
    <border>
      <left/>
      <right/>
      <top/>
      <bottom style="thick">
        <color indexed="27"/>
      </bottom>
      <diagonal/>
    </border>
    <border>
      <left/>
      <right/>
      <top/>
      <bottom style="medium">
        <color indexed="27"/>
      </bottom>
      <diagonal/>
    </border>
    <border>
      <left/>
      <right/>
      <top/>
      <bottom style="double">
        <color indexed="10"/>
      </bottom>
      <diagonal/>
    </border>
    <border>
      <left/>
      <right/>
      <top style="thin">
        <color indexed="56"/>
      </top>
      <bottom style="double">
        <color indexed="56"/>
      </bottom>
      <diagonal/>
    </border>
    <border>
      <left/>
      <right/>
      <top/>
      <bottom style="thin">
        <color indexed="8"/>
      </bottom>
      <diagonal/>
    </border>
    <border>
      <left/>
      <right/>
      <top style="thin">
        <color indexed="8"/>
      </top>
      <bottom/>
      <diagonal/>
    </border>
    <border>
      <left style="thin">
        <color indexed="64"/>
      </left>
      <right style="thin">
        <color indexed="64"/>
      </right>
      <top/>
      <bottom/>
      <diagonal/>
    </border>
    <border>
      <left style="thin">
        <color auto="1"/>
      </left>
      <right/>
      <top/>
      <bottom style="thin">
        <color auto="1"/>
      </bottom>
      <diagonal/>
    </border>
    <border>
      <left/>
      <right style="thin">
        <color indexed="64"/>
      </right>
      <top/>
      <bottom style="thin">
        <color indexed="64"/>
      </bottom>
      <diagonal/>
    </border>
    <border>
      <left/>
      <right/>
      <top/>
      <bottom style="thin">
        <color indexed="64"/>
      </bottom>
      <diagonal/>
    </border>
    <border>
      <left/>
      <right/>
      <top style="thin">
        <color auto="1"/>
      </top>
      <bottom style="thin">
        <color auto="1"/>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top style="thin">
        <color indexed="64"/>
      </top>
      <bottom/>
      <diagonal/>
    </border>
    <border>
      <left/>
      <right/>
      <top style="thin">
        <color indexed="8"/>
      </top>
      <bottom/>
      <diagonal/>
    </border>
    <border>
      <left/>
      <right/>
      <top/>
      <bottom style="thick">
        <color theme="4"/>
      </bottom>
      <diagonal/>
    </border>
  </borders>
  <cellStyleXfs count="884">
    <xf numFmtId="0" fontId="0" fillId="0" borderId="0"/>
    <xf numFmtId="0" fontId="16" fillId="0" borderId="0"/>
    <xf numFmtId="0" fontId="18" fillId="0" borderId="0"/>
    <xf numFmtId="0" fontId="22" fillId="0" borderId="0"/>
    <xf numFmtId="0" fontId="22" fillId="0" borderId="0"/>
    <xf numFmtId="0" fontId="22" fillId="0" borderId="0"/>
    <xf numFmtId="0" fontId="19" fillId="0" borderId="0">
      <alignment vertical="center"/>
    </xf>
    <xf numFmtId="0" fontId="40" fillId="3" borderId="0" applyNumberFormat="0" applyBorder="0" applyAlignment="0" applyProtection="0"/>
    <xf numFmtId="0" fontId="40" fillId="4" borderId="0" applyNumberFormat="0" applyBorder="0" applyAlignment="0" applyProtection="0"/>
    <xf numFmtId="0" fontId="40" fillId="5" borderId="0" applyNumberFormat="0" applyBorder="0" applyAlignment="0" applyProtection="0"/>
    <xf numFmtId="0" fontId="40" fillId="6" borderId="0" applyNumberFormat="0" applyBorder="0" applyAlignment="0" applyProtection="0"/>
    <xf numFmtId="0" fontId="40" fillId="7" borderId="0" applyNumberFormat="0" applyBorder="0" applyAlignment="0" applyProtection="0"/>
    <xf numFmtId="0" fontId="40" fillId="8" borderId="0" applyNumberFormat="0" applyBorder="0" applyAlignment="0" applyProtection="0"/>
    <xf numFmtId="0" fontId="23" fillId="3" borderId="0" applyNumberFormat="0" applyBorder="0" applyAlignment="0" applyProtection="0"/>
    <xf numFmtId="0" fontId="23" fillId="4" borderId="0" applyNumberFormat="0" applyBorder="0" applyAlignment="0" applyProtection="0"/>
    <xf numFmtId="0" fontId="23" fillId="5" borderId="0" applyNumberFormat="0" applyBorder="0" applyAlignment="0" applyProtection="0"/>
    <xf numFmtId="0" fontId="23" fillId="6" borderId="0" applyNumberFormat="0" applyBorder="0" applyAlignment="0" applyProtection="0"/>
    <xf numFmtId="0" fontId="23" fillId="7" borderId="0" applyNumberFormat="0" applyBorder="0" applyAlignment="0" applyProtection="0"/>
    <xf numFmtId="0" fontId="23" fillId="8" borderId="0" applyNumberFormat="0" applyBorder="0" applyAlignment="0" applyProtection="0"/>
    <xf numFmtId="0" fontId="40" fillId="9" borderId="0" applyNumberFormat="0" applyBorder="0" applyAlignment="0" applyProtection="0"/>
    <xf numFmtId="0" fontId="40" fillId="10" borderId="0" applyNumberFormat="0" applyBorder="0" applyAlignment="0" applyProtection="0"/>
    <xf numFmtId="0" fontId="40" fillId="11" borderId="0" applyNumberFormat="0" applyBorder="0" applyAlignment="0" applyProtection="0"/>
    <xf numFmtId="0" fontId="40" fillId="6" borderId="0" applyNumberFormat="0" applyBorder="0" applyAlignment="0" applyProtection="0"/>
    <xf numFmtId="0" fontId="40" fillId="9" borderId="0" applyNumberFormat="0" applyBorder="0" applyAlignment="0" applyProtection="0"/>
    <xf numFmtId="0" fontId="40" fillId="12" borderId="0" applyNumberFormat="0" applyBorder="0" applyAlignment="0" applyProtection="0"/>
    <xf numFmtId="0" fontId="23" fillId="9" borderId="0" applyNumberFormat="0" applyBorder="0" applyAlignment="0" applyProtection="0"/>
    <xf numFmtId="0" fontId="23" fillId="10" borderId="0" applyNumberFormat="0" applyBorder="0" applyAlignment="0" applyProtection="0"/>
    <xf numFmtId="0" fontId="23" fillId="11" borderId="0" applyNumberFormat="0" applyBorder="0" applyAlignment="0" applyProtection="0"/>
    <xf numFmtId="0" fontId="23" fillId="6" borderId="0" applyNumberFormat="0" applyBorder="0" applyAlignment="0" applyProtection="0"/>
    <xf numFmtId="0" fontId="23" fillId="9" borderId="0" applyNumberFormat="0" applyBorder="0" applyAlignment="0" applyProtection="0"/>
    <xf numFmtId="0" fontId="23" fillId="12" borderId="0" applyNumberFormat="0" applyBorder="0" applyAlignment="0" applyProtection="0"/>
    <xf numFmtId="0" fontId="41" fillId="13" borderId="0" applyNumberFormat="0" applyBorder="0" applyAlignment="0" applyProtection="0"/>
    <xf numFmtId="0" fontId="41" fillId="10" borderId="0" applyNumberFormat="0" applyBorder="0" applyAlignment="0" applyProtection="0"/>
    <xf numFmtId="0" fontId="41" fillId="11" borderId="0" applyNumberFormat="0" applyBorder="0" applyAlignment="0" applyProtection="0"/>
    <xf numFmtId="0" fontId="41" fillId="14" borderId="0" applyNumberFormat="0" applyBorder="0" applyAlignment="0" applyProtection="0"/>
    <xf numFmtId="0" fontId="41" fillId="15" borderId="0" applyNumberFormat="0" applyBorder="0" applyAlignment="0" applyProtection="0"/>
    <xf numFmtId="0" fontId="41" fillId="16" borderId="0" applyNumberFormat="0" applyBorder="0" applyAlignment="0" applyProtection="0"/>
    <xf numFmtId="0" fontId="24" fillId="13" borderId="0" applyNumberFormat="0" applyBorder="0" applyAlignment="0" applyProtection="0"/>
    <xf numFmtId="0" fontId="24" fillId="10" borderId="0" applyNumberFormat="0" applyBorder="0" applyAlignment="0" applyProtection="0"/>
    <xf numFmtId="0" fontId="24" fillId="11" borderId="0" applyNumberFormat="0" applyBorder="0" applyAlignment="0" applyProtection="0"/>
    <xf numFmtId="0" fontId="24" fillId="14" borderId="0" applyNumberFormat="0" applyBorder="0" applyAlignment="0" applyProtection="0"/>
    <xf numFmtId="0" fontId="24" fillId="15" borderId="0" applyNumberFormat="0" applyBorder="0" applyAlignment="0" applyProtection="0"/>
    <xf numFmtId="0" fontId="24" fillId="16" borderId="0" applyNumberFormat="0" applyBorder="0" applyAlignment="0" applyProtection="0"/>
    <xf numFmtId="0" fontId="41" fillId="17" borderId="0" applyNumberFormat="0" applyBorder="0" applyAlignment="0" applyProtection="0"/>
    <xf numFmtId="0" fontId="41" fillId="18" borderId="0" applyNumberFormat="0" applyBorder="0" applyAlignment="0" applyProtection="0"/>
    <xf numFmtId="0" fontId="41" fillId="19" borderId="0" applyNumberFormat="0" applyBorder="0" applyAlignment="0" applyProtection="0"/>
    <xf numFmtId="0" fontId="41" fillId="14" borderId="0" applyNumberFormat="0" applyBorder="0" applyAlignment="0" applyProtection="0"/>
    <xf numFmtId="0" fontId="41" fillId="15" borderId="0" applyNumberFormat="0" applyBorder="0" applyAlignment="0" applyProtection="0"/>
    <xf numFmtId="0" fontId="41" fillId="20" borderId="0" applyNumberFormat="0" applyBorder="0" applyAlignment="0" applyProtection="0"/>
    <xf numFmtId="0" fontId="18" fillId="21" borderId="14" applyNumberFormat="0" applyFont="0" applyAlignment="0" applyProtection="0"/>
    <xf numFmtId="0" fontId="19" fillId="21" borderId="14" applyNumberFormat="0" applyFont="0" applyAlignment="0" applyProtection="0"/>
    <xf numFmtId="0" fontId="42" fillId="4" borderId="0" applyNumberFormat="0" applyBorder="0" applyAlignment="0" applyProtection="0"/>
    <xf numFmtId="3" fontId="19" fillId="0" borderId="15" applyNumberFormat="0" applyFont="0" applyFill="0" applyBorder="0" applyAlignment="0" applyProtection="0">
      <alignment horizontal="right" vertical="top" wrapText="1"/>
    </xf>
    <xf numFmtId="0" fontId="25" fillId="22" borderId="16" applyNumberFormat="0" applyAlignment="0" applyProtection="0"/>
    <xf numFmtId="0" fontId="26" fillId="5" borderId="0" applyNumberFormat="0" applyBorder="0" applyAlignment="0" applyProtection="0"/>
    <xf numFmtId="0" fontId="43" fillId="22" borderId="16" applyNumberFormat="0" applyAlignment="0" applyProtection="0"/>
    <xf numFmtId="0" fontId="44" fillId="23" borderId="17" applyNumberFormat="0" applyAlignment="0" applyProtection="0"/>
    <xf numFmtId="0" fontId="60" fillId="24" borderId="0" applyNumberFormat="0" applyFont="0" applyFill="0" applyBorder="0" applyAlignment="0" applyProtection="0">
      <alignment vertical="top" wrapText="1"/>
    </xf>
    <xf numFmtId="165" fontId="18" fillId="0" borderId="0" applyFont="0" applyFill="0" applyBorder="0" applyAlignment="0" applyProtection="0"/>
    <xf numFmtId="165" fontId="18" fillId="0" borderId="0" applyFont="0" applyFill="0" applyBorder="0" applyAlignment="0" applyProtection="0"/>
    <xf numFmtId="165" fontId="19" fillId="0" borderId="0" applyFont="0" applyFill="0" applyBorder="0" applyAlignment="0" applyProtection="0"/>
    <xf numFmtId="165" fontId="59" fillId="0" borderId="0" applyFont="0" applyFill="0" applyBorder="0" applyAlignment="0" applyProtection="0"/>
    <xf numFmtId="165" fontId="19" fillId="0" borderId="0" applyFont="0" applyFill="0" applyBorder="0" applyAlignment="0" applyProtection="0"/>
    <xf numFmtId="43" fontId="17" fillId="0" borderId="0" applyFont="0" applyFill="0" applyBorder="0" applyAlignment="0" applyProtection="0"/>
    <xf numFmtId="43" fontId="62" fillId="0" borderId="0" applyFont="0" applyFill="0" applyBorder="0" applyAlignment="0" applyProtection="0"/>
    <xf numFmtId="169" fontId="19" fillId="0" borderId="0" applyFont="0" applyFill="0" applyBorder="0" applyAlignment="0" applyProtection="0"/>
    <xf numFmtId="165" fontId="17" fillId="0" borderId="0" applyFont="0" applyFill="0" applyBorder="0" applyAlignment="0" applyProtection="0"/>
    <xf numFmtId="0" fontId="27" fillId="4" borderId="0" applyNumberFormat="0" applyBorder="0" applyAlignment="0" applyProtection="0"/>
    <xf numFmtId="170" fontId="18" fillId="0" borderId="0" applyFont="0" applyFill="0" applyBorder="0" applyAlignment="0" applyProtection="0"/>
    <xf numFmtId="170" fontId="19" fillId="0" borderId="0" applyFont="0" applyFill="0" applyBorder="0" applyAlignment="0" applyProtection="0"/>
    <xf numFmtId="0" fontId="45" fillId="0" borderId="0" applyNumberFormat="0" applyFill="0" applyBorder="0" applyAlignment="0" applyProtection="0"/>
    <xf numFmtId="0" fontId="24" fillId="17" borderId="0" applyNumberFormat="0" applyBorder="0" applyAlignment="0" applyProtection="0"/>
    <xf numFmtId="0" fontId="24" fillId="18" borderId="0" applyNumberFormat="0" applyBorder="0" applyAlignment="0" applyProtection="0"/>
    <xf numFmtId="0" fontId="24" fillId="19" borderId="0" applyNumberFormat="0" applyBorder="0" applyAlignment="0" applyProtection="0"/>
    <xf numFmtId="0" fontId="24" fillId="14" borderId="0" applyNumberFormat="0" applyBorder="0" applyAlignment="0" applyProtection="0"/>
    <xf numFmtId="0" fontId="24" fillId="15" borderId="0" applyNumberFormat="0" applyBorder="0" applyAlignment="0" applyProtection="0"/>
    <xf numFmtId="0" fontId="24" fillId="20" borderId="0" applyNumberFormat="0" applyBorder="0" applyAlignment="0" applyProtection="0"/>
    <xf numFmtId="0" fontId="28" fillId="0" borderId="0" applyNumberFormat="0" applyFill="0" applyBorder="0" applyAlignment="0" applyProtection="0"/>
    <xf numFmtId="0" fontId="46" fillId="5" borderId="0" applyNumberFormat="0" applyBorder="0" applyAlignment="0" applyProtection="0"/>
    <xf numFmtId="3" fontId="61" fillId="0" borderId="0"/>
    <xf numFmtId="0" fontId="47" fillId="0" borderId="18" applyNumberFormat="0" applyFill="0" applyAlignment="0" applyProtection="0"/>
    <xf numFmtId="0" fontId="48" fillId="0" borderId="19" applyNumberFormat="0" applyFill="0" applyAlignment="0" applyProtection="0"/>
    <xf numFmtId="0" fontId="58" fillId="0" borderId="0" applyNumberFormat="0" applyFill="0" applyBorder="0" applyAlignment="0" applyProtection="0"/>
    <xf numFmtId="0" fontId="49" fillId="0" borderId="20" applyNumberFormat="0" applyFill="0" applyAlignment="0" applyProtection="0"/>
    <xf numFmtId="0" fontId="49" fillId="0" borderId="0" applyNumberFormat="0" applyFill="0" applyBorder="0" applyAlignment="0" applyProtection="0"/>
    <xf numFmtId="0" fontId="20" fillId="25" borderId="10" applyFont="0" applyBorder="0">
      <alignment horizontal="center" wrapText="1"/>
    </xf>
    <xf numFmtId="0" fontId="29" fillId="8" borderId="16" applyNumberFormat="0" applyAlignment="0" applyProtection="0"/>
    <xf numFmtId="0" fontId="50" fillId="8" borderId="16" applyNumberFormat="0" applyAlignment="0" applyProtection="0"/>
    <xf numFmtId="0" fontId="30" fillId="23" borderId="17" applyNumberFormat="0" applyAlignment="0" applyProtection="0"/>
    <xf numFmtId="0" fontId="51" fillId="0" borderId="21" applyNumberFormat="0" applyFill="0" applyAlignment="0" applyProtection="0"/>
    <xf numFmtId="0" fontId="31" fillId="0" borderId="21" applyNumberFormat="0" applyFill="0" applyAlignment="0" applyProtection="0"/>
    <xf numFmtId="0" fontId="32" fillId="26" borderId="0" applyNumberFormat="0" applyBorder="0" applyAlignment="0" applyProtection="0"/>
    <xf numFmtId="0" fontId="18" fillId="0" borderId="0"/>
    <xf numFmtId="0" fontId="18" fillId="0" borderId="0">
      <alignment horizontal="left" wrapText="1"/>
    </xf>
    <xf numFmtId="0" fontId="19" fillId="0" borderId="0"/>
    <xf numFmtId="0" fontId="19" fillId="0" borderId="0"/>
    <xf numFmtId="0" fontId="15" fillId="0" borderId="0"/>
    <xf numFmtId="0" fontId="15" fillId="0" borderId="0"/>
    <xf numFmtId="0" fontId="19" fillId="0" borderId="0">
      <alignment horizontal="left" wrapText="1"/>
    </xf>
    <xf numFmtId="0" fontId="19" fillId="0" borderId="0"/>
    <xf numFmtId="0" fontId="62" fillId="0" borderId="0" applyNumberFormat="0" applyBorder="0" applyAlignment="0"/>
    <xf numFmtId="0" fontId="59" fillId="0" borderId="0"/>
    <xf numFmtId="0" fontId="17" fillId="0" borderId="0"/>
    <xf numFmtId="0" fontId="19" fillId="0" borderId="0">
      <alignment horizontal="left" wrapText="1"/>
    </xf>
    <xf numFmtId="0" fontId="59" fillId="0" borderId="0"/>
    <xf numFmtId="0" fontId="59" fillId="0" borderId="0"/>
    <xf numFmtId="0" fontId="62" fillId="0" borderId="0" applyNumberFormat="0" applyBorder="0" applyAlignment="0"/>
    <xf numFmtId="0" fontId="17" fillId="0" borderId="0"/>
    <xf numFmtId="0" fontId="19" fillId="0" borderId="0">
      <alignment horizontal="left" wrapText="1"/>
    </xf>
    <xf numFmtId="0" fontId="62" fillId="0" borderId="0" applyNumberFormat="0" applyBorder="0" applyAlignment="0"/>
    <xf numFmtId="0" fontId="15" fillId="0" borderId="0"/>
    <xf numFmtId="0" fontId="17" fillId="0" borderId="0"/>
    <xf numFmtId="0" fontId="59" fillId="0" borderId="0"/>
    <xf numFmtId="171" fontId="63" fillId="0" borderId="0"/>
    <xf numFmtId="0" fontId="40" fillId="21" borderId="14" applyNumberFormat="0" applyFont="0" applyAlignment="0" applyProtection="0"/>
    <xf numFmtId="3" fontId="19" fillId="27" borderId="4" applyFont="0">
      <alignment horizontal="right" vertical="center"/>
      <protection locked="0"/>
    </xf>
    <xf numFmtId="0" fontId="52" fillId="22" borderId="22" applyNumberFormat="0" applyAlignment="0" applyProtection="0"/>
    <xf numFmtId="9" fontId="18" fillId="0" borderId="0" applyFont="0" applyFill="0" applyBorder="0" applyAlignment="0" applyProtection="0"/>
    <xf numFmtId="9" fontId="18" fillId="0" borderId="0" applyFont="0" applyFill="0" applyBorder="0" applyAlignment="0" applyProtection="0"/>
    <xf numFmtId="9" fontId="19" fillId="0" borderId="0" applyFont="0" applyFill="0" applyBorder="0" applyAlignment="0" applyProtection="0"/>
    <xf numFmtId="9" fontId="19" fillId="0" borderId="0" applyFont="0" applyFill="0" applyBorder="0" applyAlignment="0" applyProtection="0"/>
    <xf numFmtId="9" fontId="19" fillId="0" borderId="0" applyFont="0" applyFill="0" applyBorder="0" applyAlignment="0" applyProtection="0"/>
    <xf numFmtId="9" fontId="19" fillId="0" borderId="0" applyFont="0" applyFill="0" applyBorder="0" applyAlignment="0" applyProtection="0"/>
    <xf numFmtId="9" fontId="17" fillId="0" borderId="0" applyFont="0" applyFill="0" applyBorder="0" applyAlignment="0" applyProtection="0"/>
    <xf numFmtId="0" fontId="20" fillId="28" borderId="0" applyNumberFormat="0" applyFont="0" applyFill="0" applyBorder="0" applyAlignment="0" applyProtection="0">
      <alignment horizontal="right" vertical="top" wrapText="1"/>
    </xf>
    <xf numFmtId="0" fontId="33" fillId="0" borderId="0" applyNumberFormat="0" applyFill="0" applyBorder="0" applyAlignment="0" applyProtection="0"/>
    <xf numFmtId="0" fontId="34" fillId="0" borderId="18" applyNumberFormat="0" applyFill="0" applyAlignment="0" applyProtection="0"/>
    <xf numFmtId="0" fontId="35" fillId="0" borderId="19" applyNumberFormat="0" applyFill="0" applyAlignment="0" applyProtection="0"/>
    <xf numFmtId="0" fontId="36" fillId="0" borderId="20" applyNumberFormat="0" applyFill="0" applyAlignment="0" applyProtection="0"/>
    <xf numFmtId="0" fontId="36" fillId="0" borderId="0" applyNumberFormat="0" applyFill="0" applyBorder="0" applyAlignment="0" applyProtection="0"/>
    <xf numFmtId="0" fontId="53" fillId="27" borderId="0" applyNumberFormat="0" applyBorder="0" applyAlignment="0" applyProtection="0"/>
    <xf numFmtId="0" fontId="54" fillId="0" borderId="0" applyNumberFormat="0" applyFill="0" applyAlignment="0" applyProtection="0"/>
    <xf numFmtId="0" fontId="53" fillId="0" borderId="0"/>
    <xf numFmtId="0" fontId="55" fillId="0" borderId="13" applyNumberFormat="0" applyFill="0" applyAlignment="0" applyProtection="0"/>
    <xf numFmtId="0" fontId="53" fillId="0" borderId="23" applyNumberFormat="0" applyFill="0" applyAlignment="0" applyProtection="0"/>
    <xf numFmtId="0" fontId="21" fillId="0" borderId="0"/>
    <xf numFmtId="0" fontId="37" fillId="0" borderId="24" applyNumberFormat="0" applyFill="0" applyAlignment="0" applyProtection="0"/>
    <xf numFmtId="0" fontId="33" fillId="0" borderId="0" applyNumberFormat="0" applyFill="0" applyBorder="0" applyAlignment="0" applyProtection="0"/>
    <xf numFmtId="0" fontId="56" fillId="0" borderId="24" applyNumberFormat="0" applyFill="0" applyAlignment="0" applyProtection="0"/>
    <xf numFmtId="165" fontId="18" fillId="0" borderId="0" applyFont="0" applyFill="0" applyBorder="0" applyAlignment="0" applyProtection="0"/>
    <xf numFmtId="0" fontId="19" fillId="0" borderId="25"/>
    <xf numFmtId="0" fontId="38" fillId="22" borderId="22" applyNumberFormat="0" applyAlignment="0" applyProtection="0"/>
    <xf numFmtId="0" fontId="57" fillId="0" borderId="0" applyNumberFormat="0" applyFill="0" applyBorder="0" applyAlignment="0" applyProtection="0"/>
    <xf numFmtId="0" fontId="39" fillId="0" borderId="0" applyNumberFormat="0" applyFill="0" applyBorder="0" applyAlignment="0" applyProtection="0"/>
    <xf numFmtId="0" fontId="18" fillId="0" borderId="0">
      <alignment vertical="center"/>
    </xf>
    <xf numFmtId="0" fontId="18" fillId="21" borderId="14" applyNumberFormat="0" applyFont="0" applyAlignment="0" applyProtection="0"/>
    <xf numFmtId="3" fontId="18" fillId="0" borderId="15" applyNumberFormat="0" applyFont="0" applyFill="0" applyBorder="0" applyAlignment="0" applyProtection="0">
      <alignment horizontal="right" vertical="top" wrapText="1"/>
    </xf>
    <xf numFmtId="165" fontId="18" fillId="0" borderId="0" applyFont="0" applyFill="0" applyBorder="0" applyAlignment="0" applyProtection="0"/>
    <xf numFmtId="165" fontId="18" fillId="0" borderId="0" applyFont="0" applyFill="0" applyBorder="0" applyAlignment="0" applyProtection="0"/>
    <xf numFmtId="169" fontId="18" fillId="0" borderId="0" applyFont="0" applyFill="0" applyBorder="0" applyAlignment="0" applyProtection="0"/>
    <xf numFmtId="170" fontId="18" fillId="0" borderId="0" applyFont="0" applyFill="0" applyBorder="0" applyAlignment="0" applyProtection="0"/>
    <xf numFmtId="0" fontId="18" fillId="0" borderId="0"/>
    <xf numFmtId="0" fontId="18" fillId="0" borderId="0"/>
    <xf numFmtId="0" fontId="14" fillId="0" borderId="0"/>
    <xf numFmtId="0" fontId="14" fillId="0" borderId="0"/>
    <xf numFmtId="0" fontId="18" fillId="0" borderId="0">
      <alignment horizontal="left" wrapText="1"/>
    </xf>
    <xf numFmtId="0" fontId="18" fillId="0" borderId="0"/>
    <xf numFmtId="0" fontId="18" fillId="0" borderId="0">
      <alignment horizontal="left" wrapText="1"/>
    </xf>
    <xf numFmtId="0" fontId="18" fillId="0" borderId="0">
      <alignment horizontal="left" wrapText="1"/>
    </xf>
    <xf numFmtId="0" fontId="14" fillId="0" borderId="0"/>
    <xf numFmtId="3" fontId="18" fillId="27" borderId="4" applyFont="0">
      <alignment horizontal="right" vertical="center"/>
      <protection locked="0"/>
    </xf>
    <xf numFmtId="9" fontId="18" fillId="0" borderId="0" applyFont="0" applyFill="0" applyBorder="0" applyAlignment="0" applyProtection="0"/>
    <xf numFmtId="9" fontId="18" fillId="0" borderId="0" applyFont="0" applyFill="0" applyBorder="0" applyAlignment="0" applyProtection="0"/>
    <xf numFmtId="9" fontId="18" fillId="0" borderId="0" applyFont="0" applyFill="0" applyBorder="0" applyAlignment="0" applyProtection="0"/>
    <xf numFmtId="9" fontId="18" fillId="0" borderId="0" applyFont="0" applyFill="0" applyBorder="0" applyAlignment="0" applyProtection="0"/>
    <xf numFmtId="0" fontId="14" fillId="0" borderId="0"/>
    <xf numFmtId="9" fontId="59" fillId="0" borderId="0" applyFont="0" applyFill="0" applyBorder="0" applyAlignment="0" applyProtection="0"/>
    <xf numFmtId="0" fontId="14" fillId="0" borderId="0"/>
    <xf numFmtId="0" fontId="14" fillId="0" borderId="0"/>
    <xf numFmtId="0" fontId="14" fillId="0" borderId="0"/>
    <xf numFmtId="0" fontId="14" fillId="0" borderId="0"/>
    <xf numFmtId="0" fontId="14" fillId="0" borderId="0"/>
    <xf numFmtId="9" fontId="17" fillId="0" borderId="0" applyFont="0" applyFill="0" applyBorder="0" applyAlignment="0" applyProtection="0"/>
    <xf numFmtId="40" fontId="64" fillId="25" borderId="0">
      <alignment horizontal="right"/>
    </xf>
    <xf numFmtId="0" fontId="66" fillId="29" borderId="0">
      <alignment horizontal="right"/>
    </xf>
    <xf numFmtId="0" fontId="60" fillId="30" borderId="9"/>
    <xf numFmtId="0" fontId="67" fillId="0" borderId="0" applyBorder="0">
      <alignment horizontal="centerContinuous"/>
    </xf>
    <xf numFmtId="0" fontId="68" fillId="0" borderId="0" applyBorder="0">
      <alignment horizontal="centerContinuous"/>
    </xf>
    <xf numFmtId="164" fontId="64" fillId="0" borderId="0" applyFont="0" applyFill="0" applyBorder="0" applyAlignment="0" applyProtection="0"/>
    <xf numFmtId="42" fontId="64" fillId="0" borderId="0" applyFont="0" applyFill="0" applyBorder="0" applyAlignment="0" applyProtection="0"/>
    <xf numFmtId="0" fontId="65" fillId="0" borderId="26"/>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75" fillId="21" borderId="0" applyNumberFormat="0" applyBorder="0" applyAlignment="0" applyProtection="0"/>
    <xf numFmtId="0" fontId="75" fillId="7" borderId="0" applyNumberFormat="0" applyBorder="0" applyAlignment="0" applyProtection="0"/>
    <xf numFmtId="0" fontId="75" fillId="4" borderId="0" applyNumberFormat="0" applyBorder="0" applyAlignment="0" applyProtection="0"/>
    <xf numFmtId="0" fontId="23" fillId="21" borderId="0" applyNumberFormat="0" applyBorder="0" applyAlignment="0" applyProtection="0"/>
    <xf numFmtId="0" fontId="14" fillId="0" borderId="0"/>
    <xf numFmtId="0" fontId="14" fillId="0" borderId="0"/>
    <xf numFmtId="0" fontId="14" fillId="0" borderId="0"/>
    <xf numFmtId="0" fontId="14" fillId="0" borderId="0"/>
    <xf numFmtId="0" fontId="14" fillId="0" borderId="0"/>
    <xf numFmtId="0" fontId="14" fillId="0" borderId="0"/>
    <xf numFmtId="0" fontId="75" fillId="8" borderId="0" applyNumberFormat="0" applyBorder="0" applyAlignment="0" applyProtection="0"/>
    <xf numFmtId="0" fontId="75" fillId="26" borderId="0" applyNumberFormat="0" applyBorder="0" applyAlignment="0" applyProtection="0"/>
    <xf numFmtId="0" fontId="75" fillId="7" borderId="0" applyNumberFormat="0" applyBorder="0" applyAlignment="0" applyProtection="0"/>
    <xf numFmtId="0" fontId="76" fillId="32" borderId="0" applyNumberFormat="0" applyBorder="0" applyAlignment="0" applyProtection="0"/>
    <xf numFmtId="0" fontId="76" fillId="12" borderId="0" applyNumberFormat="0" applyBorder="0" applyAlignment="0" applyProtection="0"/>
    <xf numFmtId="0" fontId="76" fillId="31" borderId="0" applyNumberFormat="0" applyBorder="0" applyAlignment="0" applyProtection="0"/>
    <xf numFmtId="0" fontId="24" fillId="7" borderId="0" applyNumberFormat="0" applyBorder="0" applyAlignment="0" applyProtection="0"/>
    <xf numFmtId="0" fontId="24" fillId="12" borderId="0" applyNumberFormat="0" applyBorder="0" applyAlignment="0" applyProtection="0"/>
    <xf numFmtId="0" fontId="24" fillId="7" borderId="0" applyNumberFormat="0" applyBorder="0" applyAlignment="0" applyProtection="0"/>
    <xf numFmtId="0" fontId="23" fillId="7" borderId="0" applyNumberFormat="0" applyBorder="0" applyAlignment="0" applyProtection="0"/>
    <xf numFmtId="0" fontId="23" fillId="4" borderId="0" applyNumberFormat="0" applyBorder="0" applyAlignment="0" applyProtection="0"/>
    <xf numFmtId="0" fontId="75" fillId="10" borderId="0" applyNumberFormat="0" applyBorder="0" applyAlignment="0" applyProtection="0"/>
    <xf numFmtId="0" fontId="23" fillId="21" borderId="0" applyNumberFormat="0" applyBorder="0" applyAlignment="0" applyProtection="0"/>
    <xf numFmtId="0" fontId="23" fillId="8" borderId="0" applyNumberFormat="0" applyBorder="0" applyAlignment="0" applyProtection="0"/>
    <xf numFmtId="0" fontId="23" fillId="10" borderId="0" applyNumberFormat="0" applyBorder="0" applyAlignment="0" applyProtection="0"/>
    <xf numFmtId="0" fontId="23" fillId="9" borderId="0" applyNumberFormat="0" applyBorder="0" applyAlignment="0" applyProtection="0"/>
    <xf numFmtId="0" fontId="75" fillId="21" borderId="0" applyNumberFormat="0" applyBorder="0" applyAlignment="0" applyProtection="0"/>
    <xf numFmtId="0" fontId="75" fillId="10" borderId="0" applyNumberFormat="0" applyBorder="0" applyAlignment="0" applyProtection="0"/>
    <xf numFmtId="0" fontId="75" fillId="9" borderId="0" applyNumberFormat="0" applyBorder="0" applyAlignment="0" applyProtection="0"/>
    <xf numFmtId="0" fontId="76" fillId="7" borderId="0" applyNumberFormat="0" applyBorder="0" applyAlignment="0" applyProtection="0"/>
    <xf numFmtId="0" fontId="24" fillId="10" borderId="0" applyNumberFormat="0" applyBorder="0" applyAlignment="0" applyProtection="0"/>
    <xf numFmtId="0" fontId="23" fillId="26" borderId="0" applyNumberFormat="0" applyBorder="0" applyAlignment="0" applyProtection="0"/>
    <xf numFmtId="0" fontId="23" fillId="7" borderId="0" applyNumberFormat="0" applyBorder="0" applyAlignment="0" applyProtection="0"/>
    <xf numFmtId="0" fontId="76" fillId="10" borderId="0" applyNumberFormat="0" applyBorder="0" applyAlignment="0" applyProtection="0"/>
    <xf numFmtId="0" fontId="23" fillId="21" borderId="0" applyNumberFormat="0" applyBorder="0" applyAlignment="0" applyProtection="0"/>
    <xf numFmtId="0" fontId="76" fillId="20" borderId="0" applyNumberFormat="0" applyBorder="0" applyAlignment="0" applyProtection="0"/>
    <xf numFmtId="0" fontId="75" fillId="7" borderId="0" applyNumberFormat="0" applyBorder="0" applyAlignment="0" applyProtection="0"/>
    <xf numFmtId="0" fontId="24" fillId="20" borderId="0" applyNumberFormat="0" applyBorder="0" applyAlignment="0" applyProtection="0"/>
    <xf numFmtId="0" fontId="76" fillId="12" borderId="0" applyNumberFormat="0" applyBorder="0" applyAlignment="0" applyProtection="0"/>
    <xf numFmtId="0" fontId="76" fillId="15" borderId="0" applyNumberFormat="0" applyBorder="0" applyAlignment="0" applyProtection="0"/>
    <xf numFmtId="0" fontId="24" fillId="4" borderId="0" applyNumberFormat="0" applyBorder="0" applyAlignment="0" applyProtection="0"/>
    <xf numFmtId="0" fontId="76" fillId="20" borderId="0" applyNumberFormat="0" applyBorder="0" applyAlignment="0" applyProtection="0"/>
    <xf numFmtId="0" fontId="76" fillId="4" borderId="0" applyNumberFormat="0" applyBorder="0" applyAlignment="0" applyProtection="0"/>
    <xf numFmtId="0" fontId="76" fillId="7" borderId="0" applyNumberFormat="0" applyBorder="0" applyAlignment="0" applyProtection="0"/>
    <xf numFmtId="0" fontId="75" fillId="21" borderId="0" applyNumberFormat="0" applyBorder="0" applyAlignment="0" applyProtection="0"/>
    <xf numFmtId="0" fontId="76" fillId="18" borderId="0" applyNumberFormat="0" applyBorder="0" applyAlignment="0" applyProtection="0"/>
    <xf numFmtId="0" fontId="77" fillId="6" borderId="0" applyNumberFormat="0" applyBorder="0" applyAlignment="0" applyProtection="0"/>
    <xf numFmtId="0" fontId="70" fillId="33" borderId="16" applyNumberFormat="0" applyAlignment="0" applyProtection="0"/>
    <xf numFmtId="0" fontId="26" fillId="7" borderId="0" applyNumberFormat="0" applyBorder="0" applyAlignment="0" applyProtection="0"/>
    <xf numFmtId="0" fontId="78" fillId="33" borderId="16" applyNumberFormat="0" applyAlignment="0" applyProtection="0"/>
    <xf numFmtId="0" fontId="79" fillId="23" borderId="17" applyNumberFormat="0" applyAlignment="0" applyProtection="0"/>
    <xf numFmtId="43" fontId="18" fillId="0" borderId="0" applyFont="0" applyFill="0" applyBorder="0" applyAlignment="0" applyProtection="0"/>
    <xf numFmtId="43" fontId="18" fillId="0" borderId="0" applyFont="0" applyFill="0" applyBorder="0" applyAlignment="0" applyProtection="0"/>
    <xf numFmtId="0" fontId="27" fillId="6" borderId="0" applyNumberFormat="0" applyBorder="0" applyAlignment="0" applyProtection="0"/>
    <xf numFmtId="0" fontId="80" fillId="0" borderId="0" applyNumberFormat="0" applyFill="0" applyBorder="0" applyAlignment="0" applyProtection="0"/>
    <xf numFmtId="0" fontId="24" fillId="31" borderId="0" applyNumberFormat="0" applyBorder="0" applyAlignment="0" applyProtection="0"/>
    <xf numFmtId="0" fontId="24" fillId="20" borderId="0" applyNumberFormat="0" applyBorder="0" applyAlignment="0" applyProtection="0"/>
    <xf numFmtId="0" fontId="24" fillId="12" borderId="0" applyNumberFormat="0" applyBorder="0" applyAlignment="0" applyProtection="0"/>
    <xf numFmtId="0" fontId="24" fillId="32" borderId="0" applyNumberFormat="0" applyBorder="0" applyAlignment="0" applyProtection="0"/>
    <xf numFmtId="0" fontId="24" fillId="18" borderId="0" applyNumberFormat="0" applyBorder="0" applyAlignment="0" applyProtection="0"/>
    <xf numFmtId="0" fontId="81" fillId="7" borderId="0" applyNumberFormat="0" applyBorder="0" applyAlignment="0" applyProtection="0"/>
    <xf numFmtId="0" fontId="82" fillId="0" borderId="27" applyNumberFormat="0" applyFill="0" applyAlignment="0" applyProtection="0"/>
    <xf numFmtId="0" fontId="83" fillId="0" borderId="28" applyNumberFormat="0" applyFill="0" applyAlignment="0" applyProtection="0"/>
    <xf numFmtId="0" fontId="84" fillId="0" borderId="29" applyNumberFormat="0" applyFill="0" applyAlignment="0" applyProtection="0"/>
    <xf numFmtId="0" fontId="84" fillId="0" borderId="0" applyNumberFormat="0" applyFill="0" applyBorder="0" applyAlignment="0" applyProtection="0"/>
    <xf numFmtId="0" fontId="69" fillId="0" borderId="0" applyNumberFormat="0" applyFill="0" applyBorder="0" applyAlignment="0" applyProtection="0">
      <alignment vertical="top"/>
      <protection locked="0"/>
    </xf>
    <xf numFmtId="0" fontId="29" fillId="26" borderId="16" applyNumberFormat="0" applyAlignment="0" applyProtection="0"/>
    <xf numFmtId="0" fontId="85" fillId="26" borderId="16" applyNumberFormat="0" applyAlignment="0" applyProtection="0"/>
    <xf numFmtId="0" fontId="86" fillId="0" borderId="30" applyNumberFormat="0" applyFill="0" applyAlignment="0" applyProtection="0"/>
    <xf numFmtId="0" fontId="39" fillId="0" borderId="30" applyNumberFormat="0" applyFill="0" applyAlignment="0" applyProtection="0"/>
    <xf numFmtId="167" fontId="18" fillId="0" borderId="0" applyFont="0" applyFill="0" applyBorder="0" applyAlignment="0" applyProtection="0"/>
    <xf numFmtId="169" fontId="18" fillId="0" borderId="0" applyFont="0" applyFill="0" applyBorder="0" applyAlignment="0" applyProtection="0"/>
    <xf numFmtId="166" fontId="18" fillId="0" borderId="0" applyFont="0" applyFill="0" applyBorder="0" applyAlignment="0" applyProtection="0"/>
    <xf numFmtId="168" fontId="18" fillId="0" borderId="0" applyFont="0" applyFill="0" applyBorder="0" applyAlignment="0" applyProtection="0"/>
    <xf numFmtId="0" fontId="87" fillId="26" borderId="0" applyNumberFormat="0" applyBorder="0" applyAlignment="0" applyProtection="0"/>
    <xf numFmtId="0" fontId="62" fillId="0" borderId="0" applyNumberFormat="0" applyBorder="0" applyAlignment="0"/>
    <xf numFmtId="0" fontId="88" fillId="33" borderId="22" applyNumberFormat="0" applyAlignment="0" applyProtection="0"/>
    <xf numFmtId="0" fontId="74" fillId="0" borderId="0" applyNumberFormat="0" applyFill="0" applyBorder="0" applyAlignment="0" applyProtection="0"/>
    <xf numFmtId="0" fontId="71" fillId="0" borderId="27" applyNumberFormat="0" applyFill="0" applyAlignment="0" applyProtection="0"/>
    <xf numFmtId="0" fontId="72" fillId="0" borderId="28" applyNumberFormat="0" applyFill="0" applyAlignment="0" applyProtection="0"/>
    <xf numFmtId="0" fontId="73" fillId="0" borderId="29" applyNumberFormat="0" applyFill="0" applyAlignment="0" applyProtection="0"/>
    <xf numFmtId="0" fontId="73" fillId="0" borderId="0" applyNumberFormat="0" applyFill="0" applyBorder="0" applyAlignment="0" applyProtection="0"/>
    <xf numFmtId="0" fontId="37" fillId="0" borderId="31" applyNumberFormat="0" applyFill="0" applyAlignment="0" applyProtection="0"/>
    <xf numFmtId="0" fontId="74" fillId="0" borderId="0" applyNumberFormat="0" applyFill="0" applyBorder="0" applyAlignment="0" applyProtection="0"/>
    <xf numFmtId="0" fontId="89" fillId="0" borderId="31" applyNumberFormat="0" applyFill="0" applyAlignment="0" applyProtection="0"/>
    <xf numFmtId="0" fontId="38" fillId="33" borderId="22" applyNumberFormat="0" applyAlignment="0" applyProtection="0"/>
    <xf numFmtId="0" fontId="86" fillId="0" borderId="0" applyNumberFormat="0" applyFill="0" applyBorder="0" applyAlignment="0" applyProtection="0"/>
    <xf numFmtId="0" fontId="14" fillId="0" borderId="0"/>
    <xf numFmtId="0" fontId="14" fillId="0" borderId="0"/>
    <xf numFmtId="0" fontId="14" fillId="0" borderId="0"/>
    <xf numFmtId="0" fontId="14" fillId="0" borderId="0"/>
    <xf numFmtId="0" fontId="14" fillId="0" borderId="0"/>
    <xf numFmtId="0" fontId="14" fillId="0" borderId="0"/>
    <xf numFmtId="0" fontId="18" fillId="0" borderId="0"/>
    <xf numFmtId="0" fontId="18" fillId="0" borderId="0"/>
    <xf numFmtId="0" fontId="14" fillId="0" borderId="0"/>
    <xf numFmtId="0" fontId="18" fillId="0" borderId="0"/>
    <xf numFmtId="0" fontId="18" fillId="0" borderId="0"/>
    <xf numFmtId="0" fontId="59" fillId="0" borderId="0"/>
    <xf numFmtId="165" fontId="18" fillId="0" borderId="0" applyFont="0" applyFill="0" applyBorder="0" applyAlignment="0" applyProtection="0"/>
    <xf numFmtId="0" fontId="14" fillId="0" borderId="0"/>
    <xf numFmtId="0" fontId="14" fillId="0" borderId="0"/>
    <xf numFmtId="0" fontId="14" fillId="0" borderId="0"/>
    <xf numFmtId="0" fontId="62" fillId="0" borderId="0" applyNumberFormat="0" applyBorder="0" applyAlignment="0"/>
    <xf numFmtId="0" fontId="18" fillId="0" borderId="0"/>
    <xf numFmtId="0" fontId="14" fillId="0" borderId="0"/>
    <xf numFmtId="165" fontId="18" fillId="0" borderId="0" applyFont="0" applyFill="0" applyBorder="0" applyAlignment="0" applyProtection="0"/>
    <xf numFmtId="165" fontId="18" fillId="0" borderId="0" applyFont="0" applyFill="0" applyBorder="0" applyAlignment="0" applyProtection="0"/>
    <xf numFmtId="0" fontId="18" fillId="0" borderId="0"/>
    <xf numFmtId="0" fontId="14" fillId="0" borderId="0"/>
    <xf numFmtId="0" fontId="14" fillId="0" borderId="0"/>
    <xf numFmtId="0" fontId="14" fillId="0" borderId="0"/>
    <xf numFmtId="0" fontId="14" fillId="0" borderId="0"/>
    <xf numFmtId="0" fontId="14" fillId="0" borderId="0"/>
    <xf numFmtId="165" fontId="18" fillId="0" borderId="0" applyFont="0" applyFill="0" applyBorder="0" applyAlignment="0" applyProtection="0"/>
    <xf numFmtId="0" fontId="18" fillId="0" borderId="0"/>
    <xf numFmtId="0" fontId="14" fillId="0" borderId="0"/>
    <xf numFmtId="0" fontId="14" fillId="0" borderId="0"/>
    <xf numFmtId="0" fontId="14" fillId="0" borderId="0"/>
    <xf numFmtId="0" fontId="14" fillId="0" borderId="0"/>
    <xf numFmtId="0" fontId="14" fillId="0" borderId="0"/>
    <xf numFmtId="0" fontId="97" fillId="0" borderId="0"/>
    <xf numFmtId="0" fontId="40" fillId="3" borderId="0" applyNumberFormat="0" applyBorder="0" applyAlignment="0" applyProtection="0"/>
    <xf numFmtId="0" fontId="40" fillId="4" borderId="0" applyNumberFormat="0" applyBorder="0" applyAlignment="0" applyProtection="0"/>
    <xf numFmtId="0" fontId="40" fillId="5" borderId="0" applyNumberFormat="0" applyBorder="0" applyAlignment="0" applyProtection="0"/>
    <xf numFmtId="0" fontId="40" fillId="6" borderId="0" applyNumberFormat="0" applyBorder="0" applyAlignment="0" applyProtection="0"/>
    <xf numFmtId="0" fontId="40" fillId="7" borderId="0" applyNumberFormat="0" applyBorder="0" applyAlignment="0" applyProtection="0"/>
    <xf numFmtId="0" fontId="40" fillId="8" borderId="0" applyNumberFormat="0" applyBorder="0" applyAlignment="0" applyProtection="0"/>
    <xf numFmtId="0" fontId="40" fillId="9" borderId="0" applyNumberFormat="0" applyBorder="0" applyAlignment="0" applyProtection="0"/>
    <xf numFmtId="0" fontId="40" fillId="10" borderId="0" applyNumberFormat="0" applyBorder="0" applyAlignment="0" applyProtection="0"/>
    <xf numFmtId="0" fontId="40" fillId="11" borderId="0" applyNumberFormat="0" applyBorder="0" applyAlignment="0" applyProtection="0"/>
    <xf numFmtId="0" fontId="40" fillId="6" borderId="0" applyNumberFormat="0" applyBorder="0" applyAlignment="0" applyProtection="0"/>
    <xf numFmtId="0" fontId="40" fillId="9" borderId="0" applyNumberFormat="0" applyBorder="0" applyAlignment="0" applyProtection="0"/>
    <xf numFmtId="0" fontId="40" fillId="12" borderId="0" applyNumberFormat="0" applyBorder="0" applyAlignment="0" applyProtection="0"/>
    <xf numFmtId="0" fontId="41" fillId="13" borderId="0" applyNumberFormat="0" applyBorder="0" applyAlignment="0" applyProtection="0"/>
    <xf numFmtId="0" fontId="41" fillId="10" borderId="0" applyNumberFormat="0" applyBorder="0" applyAlignment="0" applyProtection="0"/>
    <xf numFmtId="0" fontId="41" fillId="11" borderId="0" applyNumberFormat="0" applyBorder="0" applyAlignment="0" applyProtection="0"/>
    <xf numFmtId="0" fontId="41" fillId="14" borderId="0" applyNumberFormat="0" applyBorder="0" applyAlignment="0" applyProtection="0"/>
    <xf numFmtId="0" fontId="41" fillId="15" borderId="0" applyNumberFormat="0" applyBorder="0" applyAlignment="0" applyProtection="0"/>
    <xf numFmtId="0" fontId="41" fillId="16" borderId="0" applyNumberFormat="0" applyBorder="0" applyAlignment="0" applyProtection="0"/>
    <xf numFmtId="0" fontId="41" fillId="17" borderId="0" applyNumberFormat="0" applyBorder="0" applyAlignment="0" applyProtection="0"/>
    <xf numFmtId="0" fontId="41" fillId="18" borderId="0" applyNumberFormat="0" applyBorder="0" applyAlignment="0" applyProtection="0"/>
    <xf numFmtId="0" fontId="41" fillId="19" borderId="0" applyNumberFormat="0" applyBorder="0" applyAlignment="0" applyProtection="0"/>
    <xf numFmtId="0" fontId="41" fillId="14" borderId="0" applyNumberFormat="0" applyBorder="0" applyAlignment="0" applyProtection="0"/>
    <xf numFmtId="0" fontId="41" fillId="15" borderId="0" applyNumberFormat="0" applyBorder="0" applyAlignment="0" applyProtection="0"/>
    <xf numFmtId="0" fontId="41" fillId="20" borderId="0" applyNumberFormat="0" applyBorder="0" applyAlignment="0" applyProtection="0"/>
    <xf numFmtId="0" fontId="18" fillId="21" borderId="14" applyNumberFormat="0" applyFont="0" applyAlignment="0" applyProtection="0"/>
    <xf numFmtId="0" fontId="18" fillId="21" borderId="14" applyNumberFormat="0" applyFont="0" applyAlignment="0" applyProtection="0"/>
    <xf numFmtId="0" fontId="18" fillId="21" borderId="14" applyNumberFormat="0" applyFont="0" applyAlignment="0" applyProtection="0"/>
    <xf numFmtId="0" fontId="99" fillId="21" borderId="14" applyNumberFormat="0" applyFont="0" applyAlignment="0" applyProtection="0"/>
    <xf numFmtId="0" fontId="42" fillId="4" borderId="0" applyNumberFormat="0" applyBorder="0" applyAlignment="0" applyProtection="0"/>
    <xf numFmtId="0" fontId="43" fillId="22" borderId="16" applyNumberFormat="0" applyAlignment="0" applyProtection="0"/>
    <xf numFmtId="0" fontId="44" fillId="23" borderId="17" applyNumberFormat="0" applyAlignment="0" applyProtection="0"/>
    <xf numFmtId="165" fontId="59" fillId="0" borderId="0" applyFont="0" applyFill="0" applyBorder="0" applyAlignment="0" applyProtection="0"/>
    <xf numFmtId="43"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99"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70" fontId="18" fillId="0" borderId="0" applyFont="0" applyFill="0" applyBorder="0" applyAlignment="0" applyProtection="0"/>
    <xf numFmtId="170" fontId="18" fillId="0" borderId="0" applyFont="0" applyFill="0" applyBorder="0" applyAlignment="0" applyProtection="0"/>
    <xf numFmtId="170" fontId="18" fillId="0" borderId="0" applyFont="0" applyFill="0" applyBorder="0" applyAlignment="0" applyProtection="0"/>
    <xf numFmtId="170" fontId="99" fillId="0" borderId="0" applyFont="0" applyFill="0" applyBorder="0" applyAlignment="0" applyProtection="0"/>
    <xf numFmtId="0" fontId="45" fillId="0" borderId="0" applyNumberFormat="0" applyFill="0" applyBorder="0" applyAlignment="0" applyProtection="0"/>
    <xf numFmtId="0" fontId="46" fillId="5" borderId="0" applyNumberFormat="0" applyBorder="0" applyAlignment="0" applyProtection="0"/>
    <xf numFmtId="0" fontId="47" fillId="0" borderId="18" applyNumberFormat="0" applyFill="0" applyAlignment="0" applyProtection="0"/>
    <xf numFmtId="0" fontId="48" fillId="0" borderId="19" applyNumberFormat="0" applyFill="0" applyAlignment="0" applyProtection="0"/>
    <xf numFmtId="0" fontId="49" fillId="0" borderId="20" applyNumberFormat="0" applyFill="0" applyAlignment="0" applyProtection="0"/>
    <xf numFmtId="0" fontId="49" fillId="0" borderId="0" applyNumberFormat="0" applyFill="0" applyBorder="0" applyAlignment="0" applyProtection="0"/>
    <xf numFmtId="0" fontId="50" fillId="8" borderId="16" applyNumberFormat="0" applyAlignment="0" applyProtection="0"/>
    <xf numFmtId="0" fontId="51" fillId="0" borderId="21" applyNumberFormat="0" applyFill="0" applyAlignment="0" applyProtection="0"/>
    <xf numFmtId="0" fontId="32" fillId="26" borderId="0" applyNumberFormat="0" applyBorder="0" applyAlignment="0" applyProtection="0"/>
    <xf numFmtId="0" fontId="14" fillId="0" borderId="0"/>
    <xf numFmtId="0" fontId="14" fillId="0" borderId="0"/>
    <xf numFmtId="0" fontId="14" fillId="0" borderId="0"/>
    <xf numFmtId="0" fontId="14" fillId="0" borderId="0"/>
    <xf numFmtId="0" fontId="14" fillId="0" borderId="0"/>
    <xf numFmtId="0" fontId="14" fillId="0" borderId="0"/>
    <xf numFmtId="0" fontId="99"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59" fillId="0" borderId="0"/>
    <xf numFmtId="0" fontId="14" fillId="0" borderId="0"/>
    <xf numFmtId="0" fontId="14" fillId="0" borderId="0"/>
    <xf numFmtId="0" fontId="14" fillId="0" borderId="0"/>
    <xf numFmtId="0" fontId="14" fillId="0" borderId="0"/>
    <xf numFmtId="0" fontId="14" fillId="0" borderId="0"/>
    <xf numFmtId="0" fontId="18" fillId="0" borderId="0">
      <alignment horizontal="left" wrapText="1"/>
    </xf>
    <xf numFmtId="0" fontId="16" fillId="0" borderId="0"/>
    <xf numFmtId="0" fontId="18" fillId="0" borderId="0">
      <alignment horizontal="left" wrapText="1"/>
    </xf>
    <xf numFmtId="0" fontId="99" fillId="0" borderId="0">
      <alignment horizontal="left" wrapText="1"/>
    </xf>
    <xf numFmtId="0" fontId="59" fillId="0" borderId="0"/>
    <xf numFmtId="0" fontId="62" fillId="0" borderId="0" applyNumberFormat="0" applyBorder="0" applyAlignment="0"/>
    <xf numFmtId="0" fontId="17" fillId="0" borderId="0"/>
    <xf numFmtId="0" fontId="18" fillId="0" borderId="0">
      <alignment horizontal="left" wrapText="1"/>
    </xf>
    <xf numFmtId="0" fontId="62" fillId="0" borderId="0" applyNumberFormat="0" applyBorder="0" applyAlignment="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4" fillId="0" borderId="0"/>
    <xf numFmtId="0" fontId="18" fillId="0" borderId="0"/>
    <xf numFmtId="0" fontId="40" fillId="21" borderId="14" applyNumberFormat="0" applyFont="0" applyAlignment="0" applyProtection="0"/>
    <xf numFmtId="0" fontId="52" fillId="22" borderId="22" applyNumberFormat="0" applyAlignment="0" applyProtection="0"/>
    <xf numFmtId="9" fontId="99" fillId="0" borderId="0" applyFont="0" applyFill="0" applyBorder="0" applyAlignment="0" applyProtection="0"/>
    <xf numFmtId="9" fontId="18" fillId="0" borderId="0" applyFont="0" applyFill="0" applyBorder="0" applyAlignment="0" applyProtection="0"/>
    <xf numFmtId="9" fontId="18" fillId="0" borderId="0" applyFont="0" applyFill="0" applyBorder="0" applyAlignment="0" applyProtection="0"/>
    <xf numFmtId="9" fontId="18" fillId="0" borderId="0" applyFont="0" applyFill="0" applyBorder="0" applyAlignment="0" applyProtection="0"/>
    <xf numFmtId="9" fontId="99" fillId="0" borderId="0" applyFont="0" applyFill="0" applyBorder="0" applyAlignment="0" applyProtection="0"/>
    <xf numFmtId="9" fontId="18" fillId="0" borderId="0" applyFont="0" applyFill="0" applyBorder="0" applyAlignment="0" applyProtection="0"/>
    <xf numFmtId="9" fontId="14" fillId="0" borderId="0" applyFont="0" applyFill="0" applyBorder="0" applyAlignment="0" applyProtection="0"/>
    <xf numFmtId="9" fontId="18" fillId="0" borderId="0" applyFont="0" applyFill="0" applyBorder="0" applyAlignment="0" applyProtection="0"/>
    <xf numFmtId="0" fontId="33" fillId="0" borderId="0" applyNumberFormat="0" applyFill="0" applyBorder="0" applyAlignment="0" applyProtection="0"/>
    <xf numFmtId="0" fontId="56" fillId="0" borderId="24" applyNumberFormat="0" applyFill="0" applyAlignment="0" applyProtection="0"/>
    <xf numFmtId="0" fontId="57" fillId="0" borderId="0" applyNumberFormat="0" applyFill="0" applyBorder="0" applyAlignment="0" applyProtection="0"/>
    <xf numFmtId="9" fontId="97" fillId="0" borderId="0" applyFont="0" applyFill="0" applyBorder="0" applyAlignment="0" applyProtection="0"/>
    <xf numFmtId="0" fontId="18" fillId="0" borderId="0"/>
    <xf numFmtId="0" fontId="12" fillId="0" borderId="0"/>
    <xf numFmtId="0" fontId="97" fillId="0" borderId="0"/>
    <xf numFmtId="0" fontId="40" fillId="3" borderId="0" applyNumberFormat="0" applyBorder="0" applyAlignment="0" applyProtection="0"/>
    <xf numFmtId="0" fontId="40" fillId="4" borderId="0" applyNumberFormat="0" applyBorder="0" applyAlignment="0" applyProtection="0"/>
    <xf numFmtId="0" fontId="40" fillId="5" borderId="0" applyNumberFormat="0" applyBorder="0" applyAlignment="0" applyProtection="0"/>
    <xf numFmtId="0" fontId="40" fillId="6" borderId="0" applyNumberFormat="0" applyBorder="0" applyAlignment="0" applyProtection="0"/>
    <xf numFmtId="0" fontId="40" fillId="7" borderId="0" applyNumberFormat="0" applyBorder="0" applyAlignment="0" applyProtection="0"/>
    <xf numFmtId="0" fontId="40" fillId="8" borderId="0" applyNumberFormat="0" applyBorder="0" applyAlignment="0" applyProtection="0"/>
    <xf numFmtId="0" fontId="40" fillId="9" borderId="0" applyNumberFormat="0" applyBorder="0" applyAlignment="0" applyProtection="0"/>
    <xf numFmtId="0" fontId="40" fillId="10" borderId="0" applyNumberFormat="0" applyBorder="0" applyAlignment="0" applyProtection="0"/>
    <xf numFmtId="0" fontId="40" fillId="11" borderId="0" applyNumberFormat="0" applyBorder="0" applyAlignment="0" applyProtection="0"/>
    <xf numFmtId="0" fontId="40" fillId="6" borderId="0" applyNumberFormat="0" applyBorder="0" applyAlignment="0" applyProtection="0"/>
    <xf numFmtId="0" fontId="40" fillId="9" borderId="0" applyNumberFormat="0" applyBorder="0" applyAlignment="0" applyProtection="0"/>
    <xf numFmtId="0" fontId="40" fillId="12" borderId="0" applyNumberFormat="0" applyBorder="0" applyAlignment="0" applyProtection="0"/>
    <xf numFmtId="0" fontId="41" fillId="13" borderId="0" applyNumberFormat="0" applyBorder="0" applyAlignment="0" applyProtection="0"/>
    <xf numFmtId="0" fontId="41" fillId="10" borderId="0" applyNumberFormat="0" applyBorder="0" applyAlignment="0" applyProtection="0"/>
    <xf numFmtId="0" fontId="41" fillId="11" borderId="0" applyNumberFormat="0" applyBorder="0" applyAlignment="0" applyProtection="0"/>
    <xf numFmtId="0" fontId="41" fillId="14" borderId="0" applyNumberFormat="0" applyBorder="0" applyAlignment="0" applyProtection="0"/>
    <xf numFmtId="0" fontId="41" fillId="15" borderId="0" applyNumberFormat="0" applyBorder="0" applyAlignment="0" applyProtection="0"/>
    <xf numFmtId="0" fontId="41" fillId="16" borderId="0" applyNumberFormat="0" applyBorder="0" applyAlignment="0" applyProtection="0"/>
    <xf numFmtId="0" fontId="41" fillId="17" borderId="0" applyNumberFormat="0" applyBorder="0" applyAlignment="0" applyProtection="0"/>
    <xf numFmtId="0" fontId="41" fillId="18" borderId="0" applyNumberFormat="0" applyBorder="0" applyAlignment="0" applyProtection="0"/>
    <xf numFmtId="0" fontId="41" fillId="19" borderId="0" applyNumberFormat="0" applyBorder="0" applyAlignment="0" applyProtection="0"/>
    <xf numFmtId="0" fontId="41" fillId="14" borderId="0" applyNumberFormat="0" applyBorder="0" applyAlignment="0" applyProtection="0"/>
    <xf numFmtId="0" fontId="41" fillId="15" borderId="0" applyNumberFormat="0" applyBorder="0" applyAlignment="0" applyProtection="0"/>
    <xf numFmtId="0" fontId="41" fillId="20" borderId="0" applyNumberFormat="0" applyBorder="0" applyAlignment="0" applyProtection="0"/>
    <xf numFmtId="0" fontId="97" fillId="21" borderId="14" applyNumberFormat="0" applyFont="0" applyAlignment="0" applyProtection="0"/>
    <xf numFmtId="0" fontId="42" fillId="4" borderId="0" applyNumberFormat="0" applyBorder="0" applyAlignment="0" applyProtection="0"/>
    <xf numFmtId="0" fontId="43" fillId="22" borderId="16" applyNumberFormat="0" applyAlignment="0" applyProtection="0"/>
    <xf numFmtId="0" fontId="44" fillId="23" borderId="17" applyNumberFormat="0" applyAlignment="0" applyProtection="0"/>
    <xf numFmtId="165" fontId="97" fillId="0" borderId="0" applyFont="0" applyFill="0" applyBorder="0" applyAlignment="0" applyProtection="0"/>
    <xf numFmtId="170" fontId="97" fillId="0" borderId="0" applyFont="0" applyFill="0" applyBorder="0" applyAlignment="0" applyProtection="0"/>
    <xf numFmtId="0" fontId="45" fillId="0" borderId="0" applyNumberFormat="0" applyFill="0" applyBorder="0" applyAlignment="0" applyProtection="0"/>
    <xf numFmtId="0" fontId="46" fillId="5" borderId="0" applyNumberFormat="0" applyBorder="0" applyAlignment="0" applyProtection="0"/>
    <xf numFmtId="0" fontId="47" fillId="0" borderId="18" applyNumberFormat="0" applyFill="0" applyAlignment="0" applyProtection="0"/>
    <xf numFmtId="0" fontId="49" fillId="0" borderId="20" applyNumberFormat="0" applyFill="0" applyAlignment="0" applyProtection="0"/>
    <xf numFmtId="0" fontId="49" fillId="0" borderId="0" applyNumberFormat="0" applyFill="0" applyBorder="0" applyAlignment="0" applyProtection="0"/>
    <xf numFmtId="0" fontId="50" fillId="8" borderId="16" applyNumberFormat="0" applyAlignment="0" applyProtection="0"/>
    <xf numFmtId="0" fontId="51" fillId="0" borderId="21" applyNumberFormat="0" applyFill="0" applyAlignment="0" applyProtection="0"/>
    <xf numFmtId="0" fontId="32" fillId="26" borderId="0" applyNumberFormat="0" applyBorder="0" applyAlignment="0" applyProtection="0"/>
    <xf numFmtId="0" fontId="14" fillId="0" borderId="0"/>
    <xf numFmtId="0" fontId="59" fillId="0" borderId="0"/>
    <xf numFmtId="0" fontId="52" fillId="22" borderId="22" applyNumberFormat="0" applyAlignment="0" applyProtection="0"/>
    <xf numFmtId="9" fontId="97" fillId="0" borderId="0" applyFont="0" applyFill="0" applyBorder="0" applyAlignment="0" applyProtection="0"/>
    <xf numFmtId="0" fontId="33" fillId="0" borderId="0" applyNumberFormat="0" applyFill="0" applyBorder="0" applyAlignment="0" applyProtection="0"/>
    <xf numFmtId="0" fontId="56" fillId="0" borderId="24" applyNumberFormat="0" applyFill="0" applyAlignment="0" applyProtection="0"/>
    <xf numFmtId="0" fontId="57" fillId="0" borderId="0" applyNumberFormat="0" applyFill="0" applyBorder="0" applyAlignment="0" applyProtection="0"/>
    <xf numFmtId="165" fontId="97" fillId="0" borderId="0" applyFont="0" applyFill="0" applyBorder="0" applyAlignment="0" applyProtection="0"/>
    <xf numFmtId="165" fontId="97" fillId="0" borderId="0" applyFont="0" applyFill="0" applyBorder="0" applyAlignment="0" applyProtection="0"/>
    <xf numFmtId="165" fontId="18" fillId="0" borderId="0" applyFont="0" applyFill="0" applyBorder="0" applyAlignment="0" applyProtection="0"/>
    <xf numFmtId="165" fontId="59" fillId="0" borderId="0" applyFont="0" applyFill="0" applyBorder="0" applyAlignment="0" applyProtection="0"/>
    <xf numFmtId="165" fontId="59"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7"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0" fontId="97" fillId="0" borderId="0">
      <alignment horizontal="left" wrapText="1"/>
    </xf>
    <xf numFmtId="0" fontId="104" fillId="0" borderId="0"/>
    <xf numFmtId="0" fontId="97" fillId="21" borderId="14" applyNumberFormat="0" applyFont="0" applyAlignment="0" applyProtection="0"/>
    <xf numFmtId="165" fontId="18" fillId="0" borderId="0" applyFont="0" applyFill="0" applyBorder="0" applyAlignment="0" applyProtection="0"/>
    <xf numFmtId="165" fontId="18" fillId="0" borderId="0" applyFont="0" applyFill="0" applyBorder="0" applyAlignment="0" applyProtection="0"/>
    <xf numFmtId="165" fontId="59" fillId="0" borderId="0" applyFont="0" applyFill="0" applyBorder="0" applyAlignment="0" applyProtection="0"/>
    <xf numFmtId="165" fontId="59"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97" fillId="0" borderId="0" applyFont="0" applyFill="0" applyBorder="0" applyAlignment="0" applyProtection="0"/>
    <xf numFmtId="165" fontId="97"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7"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70" fontId="97" fillId="0" borderId="0" applyFont="0" applyFill="0" applyBorder="0" applyAlignment="0" applyProtection="0"/>
    <xf numFmtId="0" fontId="97" fillId="0" borderId="0"/>
    <xf numFmtId="0" fontId="11" fillId="0" borderId="0"/>
    <xf numFmtId="0" fontId="97" fillId="0" borderId="0">
      <alignment horizontal="left" wrapText="1"/>
    </xf>
    <xf numFmtId="9" fontId="97" fillId="0" borderId="0" applyFont="0" applyFill="0" applyBorder="0" applyAlignment="0" applyProtection="0"/>
    <xf numFmtId="9" fontId="97" fillId="0" borderId="0" applyFont="0" applyFill="0" applyBorder="0" applyAlignment="0" applyProtection="0"/>
    <xf numFmtId="0" fontId="11" fillId="0" borderId="0"/>
    <xf numFmtId="0" fontId="106" fillId="0" borderId="0"/>
    <xf numFmtId="165" fontId="18" fillId="0" borderId="0" applyFont="0" applyFill="0" applyBorder="0" applyAlignment="0" applyProtection="0"/>
    <xf numFmtId="165" fontId="97" fillId="0" borderId="0" applyFont="0" applyFill="0" applyBorder="0" applyAlignment="0" applyProtection="0"/>
    <xf numFmtId="0" fontId="11" fillId="0" borderId="0"/>
    <xf numFmtId="165" fontId="97" fillId="0" borderId="0" applyFont="0" applyFill="0" applyBorder="0" applyAlignment="0" applyProtection="0"/>
    <xf numFmtId="0" fontId="104" fillId="0" borderId="0"/>
    <xf numFmtId="165" fontId="59" fillId="0" borderId="0" applyFont="0" applyFill="0" applyBorder="0" applyAlignment="0" applyProtection="0"/>
    <xf numFmtId="165" fontId="59"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97" fillId="0" borderId="0" applyFont="0" applyFill="0" applyBorder="0" applyAlignment="0" applyProtection="0"/>
    <xf numFmtId="165" fontId="97"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7"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0" fontId="10" fillId="0" borderId="0"/>
    <xf numFmtId="0" fontId="10" fillId="0" borderId="0"/>
    <xf numFmtId="0" fontId="10" fillId="0" borderId="0"/>
    <xf numFmtId="0" fontId="10" fillId="0" borderId="0"/>
    <xf numFmtId="0" fontId="104" fillId="0" borderId="0"/>
    <xf numFmtId="0" fontId="108" fillId="0" borderId="0"/>
    <xf numFmtId="0" fontId="9" fillId="0" borderId="0"/>
    <xf numFmtId="165" fontId="18" fillId="0" borderId="0" applyFont="0" applyFill="0" applyBorder="0" applyAlignment="0" applyProtection="0"/>
    <xf numFmtId="165" fontId="18" fillId="0" borderId="0" applyFont="0" applyFill="0" applyBorder="0" applyAlignment="0" applyProtection="0"/>
    <xf numFmtId="165" fontId="59" fillId="0" borderId="0" applyFont="0" applyFill="0" applyBorder="0" applyAlignment="0" applyProtection="0"/>
    <xf numFmtId="165" fontId="59" fillId="0" borderId="0" applyFont="0" applyFill="0" applyBorder="0" applyAlignment="0" applyProtection="0"/>
    <xf numFmtId="165" fontId="59" fillId="0" borderId="0" applyFont="0" applyFill="0" applyBorder="0" applyAlignment="0" applyProtection="0"/>
    <xf numFmtId="165" fontId="59" fillId="0" borderId="0" applyFont="0" applyFill="0" applyBorder="0" applyAlignment="0" applyProtection="0"/>
    <xf numFmtId="165" fontId="59" fillId="0" borderId="0" applyFont="0" applyFill="0" applyBorder="0" applyAlignment="0" applyProtection="0"/>
    <xf numFmtId="165" fontId="59" fillId="0" borderId="0" applyFont="0" applyFill="0" applyBorder="0" applyAlignment="0" applyProtection="0"/>
    <xf numFmtId="165" fontId="59" fillId="0" borderId="0" applyFont="0" applyFill="0" applyBorder="0" applyAlignment="0" applyProtection="0"/>
    <xf numFmtId="165" fontId="59"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97" fillId="0" borderId="0" applyFont="0" applyFill="0" applyBorder="0" applyAlignment="0" applyProtection="0"/>
    <xf numFmtId="165" fontId="97" fillId="0" borderId="0" applyFont="0" applyFill="0" applyBorder="0" applyAlignment="0" applyProtection="0"/>
    <xf numFmtId="165" fontId="97" fillId="0" borderId="0" applyFont="0" applyFill="0" applyBorder="0" applyAlignment="0" applyProtection="0"/>
    <xf numFmtId="165" fontId="97" fillId="0" borderId="0" applyFont="0" applyFill="0" applyBorder="0" applyAlignment="0" applyProtection="0"/>
    <xf numFmtId="165" fontId="97" fillId="0" borderId="0" applyFont="0" applyFill="0" applyBorder="0" applyAlignment="0" applyProtection="0"/>
    <xf numFmtId="165" fontId="97" fillId="0" borderId="0" applyFont="0" applyFill="0" applyBorder="0" applyAlignment="0" applyProtection="0"/>
    <xf numFmtId="165" fontId="97" fillId="0" borderId="0" applyFont="0" applyFill="0" applyBorder="0" applyAlignment="0" applyProtection="0"/>
    <xf numFmtId="165" fontId="97" fillId="0" borderId="0" applyFont="0" applyFill="0" applyBorder="0" applyAlignment="0" applyProtection="0"/>
    <xf numFmtId="165" fontId="97"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7"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7" fillId="0" borderId="0" applyFont="0" applyFill="0" applyBorder="0" applyAlignment="0" applyProtection="0"/>
    <xf numFmtId="165" fontId="17" fillId="0" borderId="0" applyFont="0" applyFill="0" applyBorder="0" applyAlignment="0" applyProtection="0"/>
    <xf numFmtId="165" fontId="17"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18" fillId="0" borderId="0" applyFont="0" applyFill="0" applyBorder="0" applyAlignment="0" applyProtection="0"/>
    <xf numFmtId="165" fontId="97" fillId="0" borderId="0" applyFont="0" applyFill="0" applyBorder="0" applyAlignment="0" applyProtection="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97" fillId="0" borderId="0"/>
    <xf numFmtId="0" fontId="110" fillId="0" borderId="0"/>
    <xf numFmtId="0" fontId="62" fillId="0" borderId="0" applyNumberFormat="0" applyBorder="0" applyAlignment="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0" fontId="8" fillId="0" borderId="0"/>
    <xf numFmtId="9" fontId="17" fillId="0" borderId="0" applyFont="0" applyFill="0" applyBorder="0" applyAlignment="0" applyProtection="0"/>
    <xf numFmtId="0" fontId="14" fillId="0" borderId="0"/>
    <xf numFmtId="165" fontId="17" fillId="0" borderId="0" applyFont="0" applyFill="0" applyBorder="0" applyAlignment="0" applyProtection="0"/>
    <xf numFmtId="165" fontId="18" fillId="0" borderId="0" applyFont="0" applyFill="0" applyBorder="0" applyAlignment="0" applyProtection="0"/>
    <xf numFmtId="165" fontId="97" fillId="0" borderId="0" applyFont="0" applyFill="0" applyBorder="0" applyAlignment="0" applyProtection="0"/>
    <xf numFmtId="165" fontId="17" fillId="0" borderId="0" applyFont="0" applyFill="0" applyBorder="0" applyAlignment="0" applyProtection="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0" fontId="7" fillId="0" borderId="0"/>
    <xf numFmtId="165" fontId="62" fillId="0" borderId="0" applyFont="0" applyFill="0" applyBorder="0" applyAlignment="0" applyProtection="0"/>
    <xf numFmtId="0" fontId="125" fillId="25" borderId="8" applyNumberFormat="0" applyFill="0" applyBorder="0" applyAlignment="0" applyProtection="0">
      <alignment horizontal="left"/>
    </xf>
    <xf numFmtId="0" fontId="18" fillId="0" borderId="0">
      <alignment vertical="center"/>
    </xf>
    <xf numFmtId="0" fontId="126" fillId="0" borderId="0"/>
    <xf numFmtId="165" fontId="17" fillId="0" borderId="0" applyFont="0" applyFill="0" applyBorder="0" applyAlignment="0" applyProtection="0"/>
    <xf numFmtId="0" fontId="6" fillId="0" borderId="0"/>
    <xf numFmtId="0" fontId="18" fillId="0" borderId="0">
      <alignment vertical="top"/>
    </xf>
    <xf numFmtId="0" fontId="128" fillId="0" borderId="0" applyNumberFormat="0" applyFill="0" applyBorder="0" applyAlignment="0" applyProtection="0"/>
    <xf numFmtId="0" fontId="5" fillId="0" borderId="0"/>
    <xf numFmtId="0" fontId="4" fillId="0" borderId="0"/>
    <xf numFmtId="0" fontId="5" fillId="0" borderId="0"/>
    <xf numFmtId="0" fontId="3" fillId="0" borderId="0"/>
    <xf numFmtId="0" fontId="3" fillId="0" borderId="0"/>
    <xf numFmtId="0" fontId="166" fillId="0" borderId="0" applyNumberFormat="0" applyFill="0" applyBorder="0" applyProtection="0">
      <alignment vertical="top" wrapText="1"/>
    </xf>
    <xf numFmtId="0" fontId="3" fillId="0" borderId="0"/>
    <xf numFmtId="0" fontId="18" fillId="0" borderId="0"/>
    <xf numFmtId="0" fontId="2" fillId="0" borderId="0"/>
    <xf numFmtId="9" fontId="2" fillId="0" borderId="0" applyFont="0" applyFill="0" applyBorder="0" applyAlignment="0" applyProtection="0"/>
    <xf numFmtId="0" fontId="168" fillId="0" borderId="44" applyNumberFormat="0" applyFill="0" applyAlignment="0" applyProtection="0"/>
    <xf numFmtId="0" fontId="1" fillId="0" borderId="0"/>
    <xf numFmtId="9" fontId="1" fillId="0" borderId="0" applyFont="0" applyFill="0" applyBorder="0" applyAlignment="0" applyProtection="0"/>
    <xf numFmtId="43" fontId="1" fillId="0" borderId="0" applyFont="0" applyFill="0" applyBorder="0" applyAlignment="0" applyProtection="0"/>
  </cellStyleXfs>
  <cellXfs count="974">
    <xf numFmtId="0" fontId="0" fillId="0" borderId="0" xfId="0"/>
    <xf numFmtId="0" fontId="90" fillId="0" borderId="0" xfId="0" applyFont="1"/>
    <xf numFmtId="0" fontId="93" fillId="0" borderId="0" xfId="0" applyFont="1"/>
    <xf numFmtId="0" fontId="90" fillId="0" borderId="0" xfId="0" applyFont="1" applyBorder="1"/>
    <xf numFmtId="0" fontId="90" fillId="0" borderId="0" xfId="0" applyFont="1" applyAlignment="1">
      <alignment horizontal="center" vertical="center"/>
    </xf>
    <xf numFmtId="0" fontId="90" fillId="0" borderId="0" xfId="0" applyFont="1" applyFill="1"/>
    <xf numFmtId="0" fontId="90" fillId="0" borderId="0" xfId="0" applyFont="1" applyFill="1" applyAlignment="1">
      <alignment horizontal="center"/>
    </xf>
    <xf numFmtId="0" fontId="90" fillId="0" borderId="0" xfId="0" applyFont="1" applyAlignment="1">
      <alignment horizontal="center"/>
    </xf>
    <xf numFmtId="0" fontId="93" fillId="0" borderId="0" xfId="0" applyFont="1" applyFill="1"/>
    <xf numFmtId="0" fontId="13" fillId="0" borderId="0" xfId="309" applyFont="1"/>
    <xf numFmtId="0" fontId="13" fillId="0" borderId="0" xfId="307" applyFont="1" applyFill="1" applyBorder="1" applyAlignment="1">
      <alignment wrapText="1"/>
    </xf>
    <xf numFmtId="3" fontId="13" fillId="0" borderId="0" xfId="307" applyNumberFormat="1" applyFont="1" applyFill="1"/>
    <xf numFmtId="0" fontId="98" fillId="0" borderId="0" xfId="307" applyFont="1" applyFill="1" applyBorder="1" applyAlignment="1">
      <alignment wrapText="1"/>
    </xf>
    <xf numFmtId="0" fontId="98" fillId="0" borderId="0" xfId="151" applyFont="1" applyFill="1" applyBorder="1" applyAlignment="1">
      <alignment wrapText="1"/>
    </xf>
    <xf numFmtId="0" fontId="13" fillId="0" borderId="0" xfId="307" applyFont="1" applyFill="1" applyBorder="1" applyAlignment="1"/>
    <xf numFmtId="3" fontId="98" fillId="0" borderId="0" xfId="307" applyNumberFormat="1" applyFont="1" applyFill="1"/>
    <xf numFmtId="3" fontId="13" fillId="0" borderId="12" xfId="307" applyNumberFormat="1" applyFont="1" applyFill="1" applyBorder="1"/>
    <xf numFmtId="3" fontId="13" fillId="0" borderId="0" xfId="309" applyNumberFormat="1" applyFont="1"/>
    <xf numFmtId="0" fontId="13" fillId="0" borderId="0" xfId="309" applyFont="1" applyFill="1" applyBorder="1"/>
    <xf numFmtId="3" fontId="13" fillId="0" borderId="0" xfId="309" applyNumberFormat="1" applyFont="1" applyFill="1" applyBorder="1"/>
    <xf numFmtId="0" fontId="13" fillId="0" borderId="0" xfId="309" applyFont="1" applyFill="1"/>
    <xf numFmtId="3" fontId="13" fillId="0" borderId="0" xfId="309" applyNumberFormat="1" applyFont="1" applyFill="1"/>
    <xf numFmtId="3" fontId="13" fillId="0" borderId="33" xfId="309" applyNumberFormat="1" applyFont="1" applyFill="1" applyBorder="1"/>
    <xf numFmtId="172" fontId="13" fillId="0" borderId="0" xfId="309" applyNumberFormat="1" applyFont="1" applyFill="1"/>
    <xf numFmtId="3" fontId="13" fillId="0" borderId="12" xfId="309" applyNumberFormat="1" applyFont="1" applyFill="1" applyBorder="1"/>
    <xf numFmtId="172" fontId="13" fillId="0" borderId="12" xfId="309" applyNumberFormat="1" applyFont="1" applyFill="1" applyBorder="1"/>
    <xf numFmtId="0" fontId="13" fillId="0" borderId="0" xfId="309" applyFont="1" applyFill="1" applyBorder="1" applyAlignment="1">
      <alignment wrapText="1"/>
    </xf>
    <xf numFmtId="0" fontId="90" fillId="0" borderId="0" xfId="151" applyFont="1"/>
    <xf numFmtId="0" fontId="93" fillId="0" borderId="0" xfId="151" applyFont="1"/>
    <xf numFmtId="0" fontId="90" fillId="0" borderId="0" xfId="151" applyFont="1" applyFill="1"/>
    <xf numFmtId="0" fontId="90" fillId="0" borderId="12" xfId="151" applyFont="1" applyFill="1" applyBorder="1" applyAlignment="1">
      <alignment wrapText="1"/>
    </xf>
    <xf numFmtId="3" fontId="90" fillId="0" borderId="12" xfId="151" applyNumberFormat="1" applyFont="1" applyFill="1" applyBorder="1" applyAlignment="1">
      <alignment wrapText="1"/>
    </xf>
    <xf numFmtId="0" fontId="93" fillId="0" borderId="0" xfId="151" applyFont="1" applyFill="1" applyBorder="1" applyAlignment="1">
      <alignment wrapText="1"/>
    </xf>
    <xf numFmtId="3" fontId="93" fillId="0" borderId="0" xfId="151" applyNumberFormat="1" applyFont="1" applyFill="1" applyBorder="1" applyAlignment="1">
      <alignment wrapText="1"/>
    </xf>
    <xf numFmtId="0" fontId="90" fillId="0" borderId="0" xfId="151" applyFont="1" applyFill="1" applyAlignment="1">
      <alignment horizontal="center"/>
    </xf>
    <xf numFmtId="0" fontId="94" fillId="0" borderId="0" xfId="151" applyFont="1" applyFill="1"/>
    <xf numFmtId="0" fontId="91" fillId="0" borderId="0" xfId="367" applyFont="1" applyFill="1"/>
    <xf numFmtId="0" fontId="90" fillId="0" borderId="0" xfId="151" applyFont="1" applyFill="1" applyBorder="1"/>
    <xf numFmtId="0" fontId="93" fillId="34" borderId="2" xfId="151" applyFont="1" applyFill="1" applyBorder="1" applyAlignment="1"/>
    <xf numFmtId="9" fontId="93" fillId="34" borderId="2" xfId="151" applyNumberFormat="1" applyFont="1" applyFill="1" applyBorder="1" applyAlignment="1">
      <alignment horizontal="center" vertical="center" wrapText="1"/>
    </xf>
    <xf numFmtId="0" fontId="90" fillId="0" borderId="0" xfId="151" applyFont="1" applyFill="1" applyBorder="1" applyAlignment="1">
      <alignment wrapText="1"/>
    </xf>
    <xf numFmtId="3" fontId="90" fillId="0" borderId="0" xfId="151" applyNumberFormat="1" applyFont="1" applyFill="1" applyBorder="1" applyAlignment="1">
      <alignment wrapText="1"/>
    </xf>
    <xf numFmtId="3" fontId="90" fillId="2" borderId="0" xfId="151" applyNumberFormat="1" applyFont="1" applyFill="1" applyBorder="1" applyAlignment="1">
      <alignment wrapText="1"/>
    </xf>
    <xf numFmtId="3" fontId="90" fillId="2" borderId="0" xfId="66" applyNumberFormat="1" applyFont="1" applyFill="1" applyBorder="1" applyAlignment="1">
      <alignment wrapText="1"/>
    </xf>
    <xf numFmtId="3" fontId="90" fillId="0" borderId="0" xfId="66" applyNumberFormat="1" applyFont="1" applyFill="1" applyBorder="1" applyAlignment="1">
      <alignment wrapText="1"/>
    </xf>
    <xf numFmtId="0" fontId="90" fillId="0" borderId="0" xfId="151" applyFont="1" applyAlignment="1">
      <alignment horizontal="center"/>
    </xf>
    <xf numFmtId="0" fontId="93" fillId="0" borderId="0" xfId="151" applyFont="1" applyFill="1"/>
    <xf numFmtId="0" fontId="90" fillId="0" borderId="0" xfId="367" applyFont="1"/>
    <xf numFmtId="0" fontId="93" fillId="0" borderId="0" xfId="367" applyFont="1"/>
    <xf numFmtId="0" fontId="90" fillId="0" borderId="0" xfId="367" applyFont="1" applyFill="1"/>
    <xf numFmtId="0" fontId="90" fillId="0" borderId="0" xfId="367" applyFont="1" applyFill="1" applyBorder="1"/>
    <xf numFmtId="0" fontId="90" fillId="0" borderId="12" xfId="367" applyFont="1" applyFill="1" applyBorder="1"/>
    <xf numFmtId="15" fontId="91" fillId="34" borderId="12" xfId="367" quotePrefix="1" applyNumberFormat="1" applyFont="1" applyFill="1" applyBorder="1" applyAlignment="1">
      <alignment horizontal="left"/>
    </xf>
    <xf numFmtId="0" fontId="90" fillId="0" borderId="0" xfId="367" applyFont="1" applyFill="1" applyBorder="1" applyAlignment="1">
      <alignment wrapText="1"/>
    </xf>
    <xf numFmtId="0" fontId="90" fillId="0" borderId="12" xfId="367" applyFont="1" applyFill="1" applyBorder="1" applyAlignment="1">
      <alignment wrapText="1"/>
    </xf>
    <xf numFmtId="0" fontId="91" fillId="0" borderId="0" xfId="367" applyFont="1" applyFill="1" applyBorder="1" applyAlignment="1">
      <alignment vertical="center" wrapText="1"/>
    </xf>
    <xf numFmtId="0" fontId="100" fillId="0" borderId="0" xfId="367" applyFont="1" applyFill="1"/>
    <xf numFmtId="0" fontId="90" fillId="0" borderId="0" xfId="367" applyFont="1" applyAlignment="1">
      <alignment horizontal="center"/>
    </xf>
    <xf numFmtId="0" fontId="91" fillId="0" borderId="0" xfId="151" applyFont="1"/>
    <xf numFmtId="0" fontId="90" fillId="0" borderId="0" xfId="151" applyFont="1" applyAlignment="1"/>
    <xf numFmtId="0" fontId="93" fillId="0" borderId="0" xfId="151" applyFont="1" applyFill="1" applyBorder="1"/>
    <xf numFmtId="173" fontId="93" fillId="0" borderId="0" xfId="151" applyNumberFormat="1" applyFont="1" applyFill="1" applyBorder="1" applyAlignment="1">
      <alignment wrapText="1"/>
    </xf>
    <xf numFmtId="3" fontId="90" fillId="0" borderId="0" xfId="151" applyNumberFormat="1" applyFont="1" applyFill="1"/>
    <xf numFmtId="3" fontId="93" fillId="0" borderId="0" xfId="151" applyNumberFormat="1" applyFont="1" applyFill="1"/>
    <xf numFmtId="0" fontId="91" fillId="0" borderId="0" xfId="309" applyFont="1" applyFill="1"/>
    <xf numFmtId="0" fontId="91" fillId="0" borderId="0" xfId="367" applyFont="1"/>
    <xf numFmtId="0" fontId="93" fillId="34" borderId="2" xfId="367" applyFont="1" applyFill="1" applyBorder="1" applyAlignment="1">
      <alignment horizontal="center" vertical="center" wrapText="1"/>
    </xf>
    <xf numFmtId="3" fontId="91" fillId="0" borderId="12" xfId="367" applyNumberFormat="1" applyFont="1" applyFill="1" applyBorder="1"/>
    <xf numFmtId="0" fontId="93" fillId="0" borderId="0" xfId="367" applyFont="1" applyFill="1" applyBorder="1"/>
    <xf numFmtId="0" fontId="93" fillId="34" borderId="11" xfId="367" applyFont="1" applyFill="1" applyBorder="1" applyAlignment="1">
      <alignment horizontal="center" vertical="center" wrapText="1"/>
    </xf>
    <xf numFmtId="0" fontId="93" fillId="34" borderId="0" xfId="367" applyFont="1" applyFill="1" applyBorder="1" applyAlignment="1">
      <alignment horizontal="left" vertical="center" wrapText="1"/>
    </xf>
    <xf numFmtId="0" fontId="93" fillId="0" borderId="0" xfId="367" applyFont="1" applyFill="1" applyBorder="1" applyAlignment="1">
      <alignment wrapText="1"/>
    </xf>
    <xf numFmtId="3" fontId="93" fillId="0" borderId="0" xfId="367" applyNumberFormat="1" applyFont="1" applyFill="1" applyBorder="1" applyAlignment="1">
      <alignment wrapText="1"/>
    </xf>
    <xf numFmtId="0" fontId="93" fillId="0" borderId="12" xfId="151" applyFont="1" applyBorder="1"/>
    <xf numFmtId="0" fontId="93" fillId="34" borderId="0" xfId="367" applyFont="1" applyFill="1" applyBorder="1"/>
    <xf numFmtId="0" fontId="93" fillId="34" borderId="2" xfId="367" applyFont="1" applyFill="1" applyBorder="1"/>
    <xf numFmtId="1" fontId="90" fillId="0" borderId="0" xfId="367" applyNumberFormat="1" applyFont="1" applyFill="1"/>
    <xf numFmtId="0" fontId="92" fillId="0" borderId="0" xfId="367" applyFont="1" applyFill="1" applyBorder="1" applyAlignment="1">
      <alignment wrapText="1"/>
    </xf>
    <xf numFmtId="0" fontId="92" fillId="0" borderId="12" xfId="367" applyFont="1" applyFill="1" applyBorder="1" applyAlignment="1">
      <alignment wrapText="1"/>
    </xf>
    <xf numFmtId="0" fontId="91" fillId="34" borderId="5" xfId="367" applyFont="1" applyFill="1" applyBorder="1" applyAlignment="1">
      <alignment horizontal="left"/>
    </xf>
    <xf numFmtId="0" fontId="91" fillId="34" borderId="6" xfId="367" applyFont="1" applyFill="1" applyBorder="1" applyAlignment="1">
      <alignment horizontal="left"/>
    </xf>
    <xf numFmtId="176" fontId="91" fillId="34" borderId="6" xfId="589" applyNumberFormat="1" applyFont="1" applyFill="1" applyBorder="1" applyAlignment="1">
      <alignment horizontal="left"/>
    </xf>
    <xf numFmtId="176" fontId="91" fillId="34" borderId="10" xfId="589" applyNumberFormat="1" applyFont="1" applyFill="1" applyBorder="1" applyAlignment="1">
      <alignment horizontal="left"/>
    </xf>
    <xf numFmtId="0" fontId="13" fillId="0" borderId="0" xfId="367" applyFont="1"/>
    <xf numFmtId="0" fontId="13" fillId="0" borderId="0" xfId="367" applyFont="1" applyFill="1"/>
    <xf numFmtId="0" fontId="13" fillId="0" borderId="12" xfId="367" applyFont="1" applyBorder="1"/>
    <xf numFmtId="0" fontId="90" fillId="0" borderId="0" xfId="309" applyFont="1"/>
    <xf numFmtId="0" fontId="90" fillId="0" borderId="0" xfId="309" applyFont="1" applyFill="1"/>
    <xf numFmtId="0" fontId="90" fillId="0" borderId="0" xfId="309" applyFont="1" applyFill="1" applyBorder="1"/>
    <xf numFmtId="0" fontId="93" fillId="0" borderId="0" xfId="309" applyFont="1" applyFill="1"/>
    <xf numFmtId="0" fontId="91" fillId="0" borderId="0" xfId="309" applyFont="1"/>
    <xf numFmtId="0" fontId="93" fillId="0" borderId="12" xfId="309" applyFont="1" applyBorder="1"/>
    <xf numFmtId="0" fontId="93" fillId="34" borderId="0" xfId="309" quotePrefix="1" applyFont="1" applyFill="1" applyBorder="1"/>
    <xf numFmtId="0" fontId="93" fillId="34" borderId="12" xfId="309" applyFont="1" applyFill="1" applyBorder="1"/>
    <xf numFmtId="9" fontId="93" fillId="34" borderId="12" xfId="309" applyNumberFormat="1" applyFont="1" applyFill="1" applyBorder="1" applyAlignment="1">
      <alignment horizontal="center" vertical="center" wrapText="1"/>
    </xf>
    <xf numFmtId="0" fontId="93" fillId="0" borderId="0" xfId="309" applyFont="1" applyFill="1" applyBorder="1" applyAlignment="1">
      <alignment horizontal="left" vertical="center" wrapText="1"/>
    </xf>
    <xf numFmtId="3" fontId="91" fillId="0" borderId="0" xfId="307" applyNumberFormat="1" applyFont="1" applyFill="1"/>
    <xf numFmtId="0" fontId="90" fillId="0" borderId="0" xfId="309" applyFont="1" applyFill="1" applyBorder="1" applyAlignment="1">
      <alignment wrapText="1"/>
    </xf>
    <xf numFmtId="3" fontId="90" fillId="0" borderId="0" xfId="309" applyNumberFormat="1" applyFont="1" applyFill="1"/>
    <xf numFmtId="0" fontId="90" fillId="0" borderId="12" xfId="309" applyFont="1" applyFill="1" applyBorder="1" applyAlignment="1">
      <alignment wrapText="1"/>
    </xf>
    <xf numFmtId="0" fontId="93" fillId="0" borderId="0" xfId="309" applyFont="1" applyFill="1" applyBorder="1" applyAlignment="1">
      <alignment wrapText="1"/>
    </xf>
    <xf numFmtId="0" fontId="96" fillId="0" borderId="0" xfId="309" applyFont="1" applyFill="1"/>
    <xf numFmtId="0" fontId="90" fillId="0" borderId="0" xfId="309" applyFont="1" applyAlignment="1">
      <alignment horizontal="center"/>
    </xf>
    <xf numFmtId="173" fontId="90" fillId="0" borderId="0" xfId="151" applyNumberFormat="1" applyFont="1"/>
    <xf numFmtId="174" fontId="90" fillId="0" borderId="0" xfId="161" applyNumberFormat="1" applyFont="1"/>
    <xf numFmtId="0" fontId="93" fillId="0" borderId="0" xfId="309" applyFont="1"/>
    <xf numFmtId="15" fontId="91" fillId="34" borderId="0" xfId="309" quotePrefix="1" applyNumberFormat="1" applyFont="1" applyFill="1" applyBorder="1" applyAlignment="1">
      <alignment horizontal="left" wrapText="1"/>
    </xf>
    <xf numFmtId="0" fontId="93" fillId="34" borderId="0" xfId="309" applyFont="1" applyFill="1" applyBorder="1" applyAlignment="1">
      <alignment horizontal="center" wrapText="1"/>
    </xf>
    <xf numFmtId="0" fontId="93" fillId="34" borderId="0" xfId="309" applyFont="1" applyFill="1" applyBorder="1" applyAlignment="1">
      <alignment vertical="center"/>
    </xf>
    <xf numFmtId="0" fontId="93" fillId="0" borderId="0" xfId="309" applyFont="1" applyFill="1" applyBorder="1"/>
    <xf numFmtId="0" fontId="93" fillId="34" borderId="2" xfId="309" applyFont="1" applyFill="1" applyBorder="1" applyAlignment="1">
      <alignment horizontal="left"/>
    </xf>
    <xf numFmtId="9" fontId="93" fillId="34" borderId="2" xfId="309" applyNumberFormat="1" applyFont="1" applyFill="1" applyBorder="1" applyAlignment="1">
      <alignment horizontal="center" vertical="center" wrapText="1"/>
    </xf>
    <xf numFmtId="0" fontId="93" fillId="34" borderId="12" xfId="309" applyFont="1" applyFill="1" applyBorder="1" applyAlignment="1">
      <alignment horizontal="center" vertical="center" wrapText="1"/>
    </xf>
    <xf numFmtId="3" fontId="90" fillId="0" borderId="0" xfId="309" applyNumberFormat="1" applyFont="1" applyFill="1" applyBorder="1" applyAlignment="1">
      <alignment wrapText="1"/>
    </xf>
    <xf numFmtId="0" fontId="93" fillId="0" borderId="11" xfId="309" applyFont="1" applyFill="1" applyBorder="1" applyAlignment="1">
      <alignment wrapText="1"/>
    </xf>
    <xf numFmtId="3" fontId="93" fillId="0" borderId="11" xfId="309" applyNumberFormat="1" applyFont="1" applyFill="1" applyBorder="1" applyAlignment="1">
      <alignment wrapText="1"/>
    </xf>
    <xf numFmtId="3" fontId="90" fillId="0" borderId="0" xfId="309" applyNumberFormat="1" applyFont="1" applyFill="1" applyBorder="1"/>
    <xf numFmtId="3" fontId="90" fillId="0" borderId="0" xfId="309" applyNumberFormat="1" applyFont="1" applyFill="1" applyBorder="1" applyAlignment="1">
      <alignment vertical="top" wrapText="1"/>
    </xf>
    <xf numFmtId="3" fontId="93" fillId="0" borderId="0" xfId="309" applyNumberFormat="1" applyFont="1" applyFill="1" applyAlignment="1">
      <alignment horizontal="center"/>
    </xf>
    <xf numFmtId="3" fontId="90" fillId="0" borderId="12" xfId="309" applyNumberFormat="1" applyFont="1" applyFill="1" applyBorder="1" applyAlignment="1">
      <alignment vertical="top" wrapText="1"/>
    </xf>
    <xf numFmtId="3" fontId="93" fillId="0" borderId="0" xfId="309" applyNumberFormat="1" applyFont="1" applyFill="1" applyBorder="1" applyAlignment="1">
      <alignment vertical="top" wrapText="1"/>
    </xf>
    <xf numFmtId="172" fontId="91" fillId="0" borderId="0" xfId="309" applyNumberFormat="1" applyFont="1" applyFill="1"/>
    <xf numFmtId="49" fontId="91" fillId="34" borderId="11" xfId="309" applyNumberFormat="1" applyFont="1" applyFill="1" applyBorder="1" applyAlignment="1">
      <alignment horizontal="left"/>
    </xf>
    <xf numFmtId="49" fontId="91" fillId="34" borderId="12" xfId="309" applyNumberFormat="1" applyFont="1" applyFill="1" applyBorder="1" applyAlignment="1">
      <alignment horizontal="left"/>
    </xf>
    <xf numFmtId="49" fontId="91" fillId="34" borderId="12" xfId="309" applyNumberFormat="1" applyFont="1" applyFill="1" applyBorder="1" applyAlignment="1">
      <alignment horizontal="center"/>
    </xf>
    <xf numFmtId="0" fontId="90" fillId="0" borderId="12" xfId="307" applyFont="1" applyFill="1" applyBorder="1"/>
    <xf numFmtId="0" fontId="95" fillId="0" borderId="0" xfId="307" applyFont="1" applyFill="1" applyBorder="1" applyAlignment="1">
      <alignment wrapText="1"/>
    </xf>
    <xf numFmtId="3" fontId="96" fillId="0" borderId="0" xfId="307" applyNumberFormat="1" applyFont="1" applyFill="1"/>
    <xf numFmtId="0" fontId="90" fillId="0" borderId="0" xfId="307" applyFont="1" applyFill="1" applyBorder="1" applyAlignment="1">
      <alignment wrapText="1"/>
    </xf>
    <xf numFmtId="0" fontId="90" fillId="0" borderId="12" xfId="307" applyFont="1" applyFill="1" applyBorder="1" applyAlignment="1">
      <alignment wrapText="1"/>
    </xf>
    <xf numFmtId="0" fontId="93" fillId="0" borderId="0" xfId="307" applyFont="1" applyFill="1" applyBorder="1" applyAlignment="1">
      <alignment wrapText="1"/>
    </xf>
    <xf numFmtId="0" fontId="13" fillId="0" borderId="0" xfId="589" applyFont="1" applyAlignment="1">
      <alignment horizontal="center"/>
    </xf>
    <xf numFmtId="0" fontId="13" fillId="0" borderId="0" xfId="589" applyFont="1"/>
    <xf numFmtId="0" fontId="13" fillId="0" borderId="0" xfId="589" applyFont="1" applyFill="1"/>
    <xf numFmtId="0" fontId="93" fillId="34" borderId="2" xfId="367" quotePrefix="1" applyFont="1" applyFill="1" applyBorder="1"/>
    <xf numFmtId="0" fontId="91" fillId="0" borderId="0" xfId="307" applyFont="1" applyFill="1"/>
    <xf numFmtId="0" fontId="13" fillId="0" borderId="12" xfId="309" applyFont="1" applyFill="1" applyBorder="1"/>
    <xf numFmtId="3" fontId="91" fillId="0" borderId="0" xfId="309" applyNumberFormat="1" applyFont="1" applyFill="1" applyAlignment="1">
      <alignment horizontal="left"/>
    </xf>
    <xf numFmtId="3" fontId="13" fillId="0" borderId="0" xfId="309" applyNumberFormat="1" applyFont="1" applyFill="1" applyAlignment="1">
      <alignment horizontal="center"/>
    </xf>
    <xf numFmtId="3" fontId="13" fillId="0" borderId="0" xfId="309" applyNumberFormat="1" applyFont="1" applyFill="1" applyAlignment="1">
      <alignment wrapText="1"/>
    </xf>
    <xf numFmtId="3" fontId="91" fillId="0" borderId="11" xfId="309" applyNumberFormat="1" applyFont="1" applyFill="1" applyBorder="1" applyAlignment="1">
      <alignment horizontal="center"/>
    </xf>
    <xf numFmtId="3" fontId="91" fillId="0" borderId="11" xfId="309" applyNumberFormat="1" applyFont="1" applyFill="1" applyBorder="1"/>
    <xf numFmtId="3" fontId="91" fillId="0" borderId="0" xfId="309" applyNumberFormat="1" applyFont="1" applyFill="1"/>
    <xf numFmtId="3" fontId="13" fillId="0" borderId="12" xfId="309" applyNumberFormat="1" applyFont="1" applyFill="1" applyBorder="1" applyAlignment="1">
      <alignment horizontal="center"/>
    </xf>
    <xf numFmtId="3" fontId="13" fillId="0" borderId="12" xfId="309" applyNumberFormat="1" applyFont="1" applyFill="1" applyBorder="1" applyAlignment="1">
      <alignment wrapText="1"/>
    </xf>
    <xf numFmtId="3" fontId="91" fillId="0" borderId="2" xfId="309" applyNumberFormat="1" applyFont="1" applyFill="1" applyBorder="1" applyAlignment="1">
      <alignment horizontal="center"/>
    </xf>
    <xf numFmtId="3" fontId="91" fillId="0" borderId="2" xfId="309" applyNumberFormat="1" applyFont="1" applyFill="1" applyBorder="1"/>
    <xf numFmtId="3" fontId="91" fillId="0" borderId="0" xfId="309" applyNumberFormat="1" applyFont="1" applyFill="1" applyAlignment="1">
      <alignment horizontal="center"/>
    </xf>
    <xf numFmtId="3" fontId="91" fillId="0" borderId="12" xfId="309" applyNumberFormat="1" applyFont="1" applyFill="1" applyBorder="1" applyAlignment="1">
      <alignment horizontal="center"/>
    </xf>
    <xf numFmtId="3" fontId="91" fillId="0" borderId="12" xfId="309" applyNumberFormat="1" applyFont="1" applyFill="1" applyBorder="1"/>
    <xf numFmtId="0" fontId="98" fillId="0" borderId="0" xfId="309" applyFont="1" applyFill="1" applyAlignment="1">
      <alignment vertical="center"/>
    </xf>
    <xf numFmtId="0" fontId="91" fillId="34" borderId="11" xfId="309" applyFont="1" applyFill="1" applyBorder="1" applyAlignment="1">
      <alignment horizontal="center" vertical="center" wrapText="1" readingOrder="1"/>
    </xf>
    <xf numFmtId="14" fontId="91" fillId="34" borderId="12" xfId="309" quotePrefix="1" applyNumberFormat="1" applyFont="1" applyFill="1" applyBorder="1" applyAlignment="1">
      <alignment horizontal="center" vertical="center" wrapText="1" readingOrder="1"/>
    </xf>
    <xf numFmtId="3" fontId="13" fillId="0" borderId="0" xfId="151" applyNumberFormat="1" applyFont="1" applyFill="1" applyBorder="1"/>
    <xf numFmtId="3" fontId="13" fillId="0" borderId="12" xfId="151" applyNumberFormat="1" applyFont="1" applyFill="1" applyBorder="1"/>
    <xf numFmtId="3" fontId="91" fillId="0" borderId="0" xfId="151" applyNumberFormat="1" applyFont="1" applyFill="1" applyBorder="1"/>
    <xf numFmtId="0" fontId="90" fillId="0" borderId="0" xfId="309" applyFont="1" applyFill="1" applyAlignment="1">
      <alignment horizontal="center" vertical="center"/>
    </xf>
    <xf numFmtId="0" fontId="90" fillId="0" borderId="12" xfId="309" applyFont="1" applyBorder="1" applyAlignment="1">
      <alignment horizontal="center" vertical="center"/>
    </xf>
    <xf numFmtId="0" fontId="90" fillId="0" borderId="0" xfId="309" applyFont="1" applyAlignment="1">
      <alignment horizontal="center" vertical="center"/>
    </xf>
    <xf numFmtId="0" fontId="13" fillId="0" borderId="0" xfId="309" applyFont="1" applyFill="1" applyAlignment="1">
      <alignment horizontal="center" vertical="center"/>
    </xf>
    <xf numFmtId="0" fontId="93" fillId="0" borderId="0" xfId="0" applyFont="1" applyFill="1" applyAlignment="1">
      <alignment horizontal="center" vertical="center"/>
    </xf>
    <xf numFmtId="0" fontId="93" fillId="0" borderId="0" xfId="0" applyFont="1" applyAlignment="1">
      <alignment horizontal="center" vertical="center"/>
    </xf>
    <xf numFmtId="0" fontId="93" fillId="0" borderId="0" xfId="309" applyFont="1" applyFill="1" applyAlignment="1">
      <alignment horizontal="center" vertical="center"/>
    </xf>
    <xf numFmtId="0" fontId="90" fillId="0" borderId="0" xfId="309" applyFont="1" applyFill="1" applyBorder="1" applyAlignment="1">
      <alignment horizontal="center" vertical="center"/>
    </xf>
    <xf numFmtId="0" fontId="93" fillId="0" borderId="0" xfId="309" applyFont="1" applyFill="1" applyBorder="1" applyAlignment="1">
      <alignment horizontal="center" vertical="center"/>
    </xf>
    <xf numFmtId="0" fontId="90" fillId="0" borderId="0" xfId="151" applyFont="1" applyAlignment="1">
      <alignment horizontal="center" vertical="center"/>
    </xf>
    <xf numFmtId="0" fontId="90" fillId="0" borderId="0" xfId="151" applyFont="1" applyFill="1" applyAlignment="1">
      <alignment horizontal="center" vertical="center"/>
    </xf>
    <xf numFmtId="0" fontId="91" fillId="0" borderId="0" xfId="309" applyFont="1" applyFill="1" applyBorder="1" applyAlignment="1">
      <alignment horizontal="center" vertical="center"/>
    </xf>
    <xf numFmtId="0" fontId="91" fillId="0" borderId="0" xfId="367" applyFont="1" applyAlignment="1">
      <alignment horizontal="center" vertical="center"/>
    </xf>
    <xf numFmtId="0" fontId="13" fillId="0" borderId="0" xfId="367" applyFont="1" applyAlignment="1">
      <alignment horizontal="center" vertical="center"/>
    </xf>
    <xf numFmtId="0" fontId="13" fillId="0" borderId="12" xfId="151" applyFont="1" applyBorder="1" applyAlignment="1">
      <alignment horizontal="center" vertical="center"/>
    </xf>
    <xf numFmtId="0" fontId="13" fillId="0" borderId="12" xfId="151" applyFont="1" applyFill="1" applyBorder="1" applyAlignment="1">
      <alignment horizontal="center" vertical="center"/>
    </xf>
    <xf numFmtId="0" fontId="90" fillId="0" borderId="0" xfId="0" applyFont="1" applyFill="1" applyBorder="1" applyAlignment="1">
      <alignment horizontal="center" vertical="center"/>
    </xf>
    <xf numFmtId="0" fontId="90" fillId="0" borderId="0" xfId="0" applyFont="1" applyFill="1" applyBorder="1" applyAlignment="1">
      <alignment wrapText="1"/>
    </xf>
    <xf numFmtId="0" fontId="93" fillId="0" borderId="0" xfId="0" applyFont="1" applyFill="1" applyBorder="1" applyAlignment="1">
      <alignment wrapText="1"/>
    </xf>
    <xf numFmtId="0" fontId="90" fillId="0" borderId="0" xfId="0" applyFont="1" applyFill="1" applyBorder="1" applyAlignment="1">
      <alignment horizontal="center"/>
    </xf>
    <xf numFmtId="0" fontId="90" fillId="0" borderId="12" xfId="0" applyFont="1" applyFill="1" applyBorder="1" applyAlignment="1">
      <alignment wrapText="1"/>
    </xf>
    <xf numFmtId="0" fontId="90" fillId="34" borderId="0" xfId="0" applyFont="1" applyFill="1" applyBorder="1" applyAlignment="1">
      <alignment wrapText="1"/>
    </xf>
    <xf numFmtId="3" fontId="90" fillId="0" borderId="0" xfId="0" applyNumberFormat="1" applyFont="1" applyFill="1" applyBorder="1" applyAlignment="1">
      <alignment wrapText="1"/>
    </xf>
    <xf numFmtId="0" fontId="90" fillId="34" borderId="12" xfId="0" applyFont="1" applyFill="1" applyBorder="1" applyAlignment="1">
      <alignment wrapText="1"/>
    </xf>
    <xf numFmtId="0" fontId="93" fillId="34" borderId="0" xfId="0" applyFont="1" applyFill="1" applyBorder="1" applyAlignment="1"/>
    <xf numFmtId="16" fontId="93" fillId="34" borderId="11" xfId="0" quotePrefix="1" applyNumberFormat="1" applyFont="1" applyFill="1" applyBorder="1" applyAlignment="1">
      <alignment vertical="center"/>
    </xf>
    <xf numFmtId="15" fontId="91" fillId="35" borderId="12" xfId="307" quotePrefix="1" applyNumberFormat="1" applyFont="1" applyFill="1" applyBorder="1" applyAlignment="1">
      <alignment horizontal="center" vertical="center" wrapText="1"/>
    </xf>
    <xf numFmtId="3" fontId="13" fillId="0" borderId="0" xfId="367" applyNumberFormat="1" applyFont="1" applyFill="1"/>
    <xf numFmtId="3" fontId="13" fillId="0" borderId="12" xfId="367" applyNumberFormat="1" applyFont="1" applyFill="1" applyBorder="1"/>
    <xf numFmtId="0" fontId="90" fillId="0" borderId="0" xfId="0" applyFont="1" applyFill="1" applyAlignment="1">
      <alignment horizontal="center" vertical="center"/>
    </xf>
    <xf numFmtId="0" fontId="13" fillId="0" borderId="0" xfId="589" applyFont="1" applyFill="1" applyAlignment="1">
      <alignment horizontal="center"/>
    </xf>
    <xf numFmtId="49" fontId="91" fillId="34" borderId="11" xfId="309" applyNumberFormat="1" applyFont="1" applyFill="1" applyBorder="1" applyAlignment="1">
      <alignment horizontal="center"/>
    </xf>
    <xf numFmtId="15" fontId="93" fillId="34" borderId="5" xfId="151" applyNumberFormat="1" applyFont="1" applyFill="1" applyBorder="1" applyAlignment="1"/>
    <xf numFmtId="0" fontId="93" fillId="34" borderId="6" xfId="151" applyFont="1" applyFill="1" applyBorder="1" applyAlignment="1"/>
    <xf numFmtId="3" fontId="90" fillId="2" borderId="12" xfId="66" applyNumberFormat="1" applyFont="1" applyFill="1" applyBorder="1" applyAlignment="1">
      <alignment wrapText="1"/>
    </xf>
    <xf numFmtId="3" fontId="90" fillId="2" borderId="12" xfId="151" applyNumberFormat="1" applyFont="1" applyFill="1" applyBorder="1" applyAlignment="1">
      <alignment wrapText="1"/>
    </xf>
    <xf numFmtId="0" fontId="105" fillId="0" borderId="0" xfId="0" applyFont="1" applyFill="1"/>
    <xf numFmtId="3" fontId="13" fillId="0" borderId="0" xfId="151" applyNumberFormat="1" applyFont="1" applyFill="1" applyBorder="1" applyAlignment="1">
      <alignment wrapText="1"/>
    </xf>
    <xf numFmtId="0" fontId="90" fillId="0" borderId="0" xfId="0" applyFont="1" applyFill="1" applyBorder="1" applyAlignment="1">
      <alignment horizontal="right" vertical="center"/>
    </xf>
    <xf numFmtId="0" fontId="90" fillId="0" borderId="0" xfId="0" applyFont="1" applyFill="1" applyAlignment="1">
      <alignment horizontal="center" vertical="center"/>
    </xf>
    <xf numFmtId="0" fontId="90" fillId="0" borderId="12" xfId="309" applyFont="1" applyFill="1" applyBorder="1" applyAlignment="1">
      <alignment horizontal="center" vertical="center"/>
    </xf>
    <xf numFmtId="3" fontId="13" fillId="0" borderId="0" xfId="0" applyNumberFormat="1" applyFont="1" applyFill="1" applyBorder="1"/>
    <xf numFmtId="0" fontId="96" fillId="0" borderId="0" xfId="151" applyFont="1"/>
    <xf numFmtId="0" fontId="117" fillId="0" borderId="0" xfId="0" applyFont="1" applyFill="1" applyBorder="1" applyAlignment="1">
      <alignment wrapText="1"/>
    </xf>
    <xf numFmtId="3" fontId="93" fillId="0" borderId="0" xfId="0" applyNumberFormat="1" applyFont="1" applyFill="1" applyBorder="1" applyAlignment="1">
      <alignment wrapText="1"/>
    </xf>
    <xf numFmtId="0" fontId="93" fillId="34" borderId="2" xfId="0" quotePrefix="1" applyFont="1" applyFill="1" applyBorder="1" applyAlignment="1">
      <alignment horizontal="left" wrapText="1"/>
    </xf>
    <xf numFmtId="0" fontId="93" fillId="34" borderId="2" xfId="0" applyFont="1" applyFill="1" applyBorder="1" applyAlignment="1">
      <alignment horizontal="center" vertical="center" wrapText="1"/>
    </xf>
    <xf numFmtId="3" fontId="90" fillId="0" borderId="12" xfId="0" applyNumberFormat="1" applyFont="1" applyFill="1" applyBorder="1" applyAlignment="1">
      <alignment wrapText="1"/>
    </xf>
    <xf numFmtId="0" fontId="96" fillId="0" borderId="0" xfId="309" applyFont="1"/>
    <xf numFmtId="0" fontId="93" fillId="34" borderId="12" xfId="0" quotePrefix="1" applyFont="1" applyFill="1" applyBorder="1" applyAlignment="1">
      <alignment horizontal="left" vertical="center"/>
    </xf>
    <xf numFmtId="0" fontId="90" fillId="0" borderId="0" xfId="367" applyFont="1" applyFill="1" applyAlignment="1">
      <alignment horizontal="center"/>
    </xf>
    <xf numFmtId="0" fontId="13" fillId="0" borderId="12" xfId="367" applyFont="1" applyFill="1" applyBorder="1"/>
    <xf numFmtId="0" fontId="91" fillId="0" borderId="12" xfId="367" applyFont="1" applyFill="1" applyBorder="1"/>
    <xf numFmtId="176" fontId="91" fillId="34" borderId="4" xfId="589" applyNumberFormat="1" applyFont="1" applyFill="1" applyBorder="1" applyAlignment="1">
      <alignment horizontal="left"/>
    </xf>
    <xf numFmtId="0" fontId="13" fillId="0" borderId="0" xfId="309" applyFont="1" applyFill="1" applyAlignment="1">
      <alignment horizontal="center"/>
    </xf>
    <xf numFmtId="0" fontId="91" fillId="0" borderId="0" xfId="0" applyFont="1" applyFill="1"/>
    <xf numFmtId="0" fontId="94" fillId="0" borderId="0" xfId="309" applyFont="1" applyFill="1"/>
    <xf numFmtId="0" fontId="13" fillId="0" borderId="0" xfId="309" applyFont="1" applyBorder="1"/>
    <xf numFmtId="3" fontId="13" fillId="0" borderId="0" xfId="309" applyNumberFormat="1" applyFont="1" applyFill="1" applyAlignment="1">
      <alignment horizontal="right"/>
    </xf>
    <xf numFmtId="0" fontId="13" fillId="0" borderId="0" xfId="309" applyFont="1" applyFill="1" applyAlignment="1">
      <alignment horizontal="right"/>
    </xf>
    <xf numFmtId="3" fontId="13" fillId="0" borderId="12" xfId="0" applyNumberFormat="1" applyFont="1" applyFill="1" applyBorder="1"/>
    <xf numFmtId="0" fontId="93" fillId="0" borderId="12" xfId="0" applyFont="1" applyFill="1" applyBorder="1"/>
    <xf numFmtId="3" fontId="93" fillId="0" borderId="12" xfId="0" applyNumberFormat="1" applyFont="1" applyFill="1" applyBorder="1"/>
    <xf numFmtId="0" fontId="91" fillId="0" borderId="12" xfId="309" applyFont="1" applyFill="1" applyBorder="1"/>
    <xf numFmtId="0" fontId="90" fillId="0" borderId="0" xfId="0" applyFont="1" applyFill="1" applyBorder="1" applyAlignment="1">
      <alignment horizontal="left" vertical="center" wrapText="1"/>
    </xf>
    <xf numFmtId="0" fontId="90" fillId="0" borderId="0" xfId="0" applyFont="1" applyFill="1" applyAlignment="1">
      <alignment vertical="center"/>
    </xf>
    <xf numFmtId="0" fontId="90" fillId="0" borderId="0" xfId="0" applyFont="1"/>
    <xf numFmtId="0" fontId="93" fillId="0" borderId="0" xfId="0" applyFont="1"/>
    <xf numFmtId="0" fontId="90" fillId="0" borderId="0" xfId="0" applyFont="1" applyFill="1"/>
    <xf numFmtId="0" fontId="90" fillId="0" borderId="0" xfId="0" applyFont="1" applyFill="1" applyBorder="1"/>
    <xf numFmtId="0" fontId="93" fillId="0" borderId="0" xfId="0" applyFont="1" applyFill="1"/>
    <xf numFmtId="0" fontId="13" fillId="0" borderId="0" xfId="309" applyFont="1"/>
    <xf numFmtId="0" fontId="13" fillId="0" borderId="0" xfId="309" applyFont="1" applyFill="1"/>
    <xf numFmtId="0" fontId="91" fillId="0" borderId="0" xfId="309" applyFont="1" applyFill="1"/>
    <xf numFmtId="0" fontId="13" fillId="0" borderId="0" xfId="309" applyFont="1" applyFill="1" applyAlignment="1">
      <alignment horizontal="center" vertical="center"/>
    </xf>
    <xf numFmtId="0" fontId="93" fillId="0" borderId="0" xfId="0" applyFont="1" applyFill="1" applyAlignment="1">
      <alignment horizontal="center" vertical="center"/>
    </xf>
    <xf numFmtId="0" fontId="90" fillId="0" borderId="0" xfId="0" applyFont="1" applyFill="1" applyAlignment="1">
      <alignment horizontal="center" vertical="center"/>
    </xf>
    <xf numFmtId="3" fontId="90" fillId="0" borderId="0" xfId="0" applyNumberFormat="1" applyFont="1"/>
    <xf numFmtId="0" fontId="93" fillId="0" borderId="0" xfId="0" applyFont="1" applyFill="1" applyBorder="1"/>
    <xf numFmtId="0" fontId="90" fillId="0" borderId="12" xfId="0" applyFont="1" applyFill="1" applyBorder="1"/>
    <xf numFmtId="3" fontId="90" fillId="0" borderId="0" xfId="0" applyNumberFormat="1" applyFont="1" applyFill="1" applyBorder="1"/>
    <xf numFmtId="3" fontId="93" fillId="0" borderId="0" xfId="0" applyNumberFormat="1" applyFont="1" applyFill="1" applyBorder="1"/>
    <xf numFmtId="3" fontId="90" fillId="0" borderId="12" xfId="0" applyNumberFormat="1" applyFont="1" applyFill="1" applyBorder="1"/>
    <xf numFmtId="0" fontId="93" fillId="0" borderId="2" xfId="0" applyFont="1" applyFill="1" applyBorder="1"/>
    <xf numFmtId="3" fontId="93" fillId="0" borderId="2" xfId="0" applyNumberFormat="1" applyFont="1" applyFill="1" applyBorder="1"/>
    <xf numFmtId="0" fontId="95" fillId="0" borderId="0" xfId="0" applyFont="1" applyFill="1" applyBorder="1"/>
    <xf numFmtId="3" fontId="95" fillId="0" borderId="0" xfId="0" applyNumberFormat="1" applyFont="1" applyFill="1" applyBorder="1"/>
    <xf numFmtId="0" fontId="95" fillId="0" borderId="12" xfId="0" applyFont="1" applyFill="1" applyBorder="1"/>
    <xf numFmtId="0" fontId="95" fillId="0" borderId="0" xfId="0" applyFont="1" applyFill="1" applyAlignment="1">
      <alignment horizontal="center" vertical="center"/>
    </xf>
    <xf numFmtId="0" fontId="95" fillId="0" borderId="0" xfId="0" applyFont="1" applyFill="1"/>
    <xf numFmtId="0" fontId="96" fillId="0" borderId="0" xfId="0" applyFont="1" applyFill="1"/>
    <xf numFmtId="0" fontId="13" fillId="0" borderId="0" xfId="0" applyFont="1" applyFill="1" applyBorder="1"/>
    <xf numFmtId="3" fontId="90" fillId="0" borderId="0" xfId="0" applyNumberFormat="1" applyFont="1" applyFill="1"/>
    <xf numFmtId="3" fontId="91" fillId="0" borderId="0" xfId="0" applyNumberFormat="1" applyFont="1" applyFill="1" applyBorder="1"/>
    <xf numFmtId="0" fontId="13" fillId="0" borderId="0" xfId="0" applyFont="1" applyFill="1"/>
    <xf numFmtId="3" fontId="13" fillId="0" borderId="0" xfId="0" applyNumberFormat="1" applyFont="1" applyFill="1"/>
    <xf numFmtId="3" fontId="98" fillId="0" borderId="0" xfId="0" applyNumberFormat="1" applyFont="1" applyFill="1" applyBorder="1"/>
    <xf numFmtId="3" fontId="13" fillId="0" borderId="0" xfId="0" applyNumberFormat="1" applyFont="1" applyFill="1" applyBorder="1" applyAlignment="1">
      <alignment horizontal="center" vertical="center" wrapText="1"/>
    </xf>
    <xf numFmtId="0" fontId="13" fillId="0" borderId="0" xfId="0" applyFont="1" applyFill="1" applyBorder="1" applyAlignment="1">
      <alignment horizontal="center" vertical="center" wrapText="1"/>
    </xf>
    <xf numFmtId="0" fontId="13" fillId="0" borderId="0" xfId="0" applyFont="1"/>
    <xf numFmtId="0" fontId="13" fillId="0" borderId="0" xfId="0" applyFont="1" applyAlignment="1">
      <alignment horizontal="center"/>
    </xf>
    <xf numFmtId="3" fontId="13" fillId="0" borderId="0" xfId="0" applyNumberFormat="1" applyFont="1"/>
    <xf numFmtId="0" fontId="91" fillId="0" borderId="0" xfId="0" applyFont="1"/>
    <xf numFmtId="0" fontId="13" fillId="0" borderId="0" xfId="0" applyFont="1" applyAlignment="1">
      <alignment horizontal="center" vertical="center"/>
    </xf>
    <xf numFmtId="0" fontId="13" fillId="0" borderId="0" xfId="0" applyFont="1" applyFill="1" applyAlignment="1">
      <alignment horizontal="center" vertical="center"/>
    </xf>
    <xf numFmtId="0" fontId="13" fillId="0" borderId="0" xfId="0" applyFont="1" applyFill="1" applyBorder="1" applyAlignment="1">
      <alignment wrapText="1"/>
    </xf>
    <xf numFmtId="0" fontId="13" fillId="0" borderId="12" xfId="0" applyFont="1" applyFill="1" applyBorder="1" applyAlignment="1">
      <alignment wrapText="1"/>
    </xf>
    <xf numFmtId="3" fontId="13" fillId="0" borderId="12" xfId="0" applyNumberFormat="1" applyFont="1" applyFill="1" applyBorder="1" applyAlignment="1">
      <alignment horizontal="center" vertical="center" wrapText="1"/>
    </xf>
    <xf numFmtId="0" fontId="13" fillId="0" borderId="12" xfId="0" applyFont="1" applyFill="1" applyBorder="1" applyAlignment="1">
      <alignment horizontal="center" vertical="center" wrapText="1"/>
    </xf>
    <xf numFmtId="0" fontId="91" fillId="0" borderId="0" xfId="309" applyFont="1" applyFill="1" applyAlignment="1">
      <alignment horizontal="center" vertical="center"/>
    </xf>
    <xf numFmtId="0" fontId="91" fillId="0" borderId="0" xfId="0" applyFont="1" applyFill="1" applyBorder="1" applyAlignment="1">
      <alignment wrapText="1"/>
    </xf>
    <xf numFmtId="3" fontId="91" fillId="0" borderId="0" xfId="0" applyNumberFormat="1" applyFont="1" applyFill="1" applyBorder="1" applyAlignment="1">
      <alignment horizontal="center" vertical="center" wrapText="1"/>
    </xf>
    <xf numFmtId="3" fontId="95" fillId="0" borderId="12" xfId="0" applyNumberFormat="1" applyFont="1" applyFill="1" applyBorder="1"/>
    <xf numFmtId="3" fontId="118" fillId="0" borderId="0" xfId="0" applyNumberFormat="1" applyFont="1" applyFill="1" applyAlignment="1">
      <alignment horizontal="center" vertical="center"/>
    </xf>
    <xf numFmtId="0" fontId="118" fillId="0" borderId="0" xfId="0" applyFont="1" applyFill="1" applyAlignment="1">
      <alignment horizontal="center" vertical="center"/>
    </xf>
    <xf numFmtId="0" fontId="13" fillId="0" borderId="0" xfId="151" applyFont="1" applyFill="1" applyAlignment="1">
      <alignment horizontal="center"/>
    </xf>
    <xf numFmtId="0" fontId="93" fillId="0" borderId="0" xfId="367" applyFont="1" applyFill="1"/>
    <xf numFmtId="0" fontId="109" fillId="0" borderId="0" xfId="367" applyFont="1" applyFill="1"/>
    <xf numFmtId="0" fontId="111" fillId="0" borderId="0" xfId="367" applyFont="1" applyFill="1"/>
    <xf numFmtId="0" fontId="94" fillId="0" borderId="0" xfId="367" applyFont="1" applyFill="1"/>
    <xf numFmtId="0" fontId="13" fillId="0" borderId="0" xfId="678" applyFont="1" applyFill="1"/>
    <xf numFmtId="0" fontId="116" fillId="0" borderId="0" xfId="309" applyFont="1" applyFill="1"/>
    <xf numFmtId="0" fontId="94" fillId="0" borderId="0" xfId="0" applyFont="1" applyFill="1" applyAlignment="1">
      <alignment horizontal="center"/>
    </xf>
    <xf numFmtId="0" fontId="94" fillId="0" borderId="0" xfId="0" applyFont="1" applyFill="1"/>
    <xf numFmtId="0" fontId="96" fillId="0" borderId="0" xfId="0" applyFont="1"/>
    <xf numFmtId="3" fontId="96" fillId="0" borderId="0" xfId="0" applyNumberFormat="1" applyFont="1" applyFill="1" applyBorder="1"/>
    <xf numFmtId="0" fontId="93" fillId="35" borderId="11" xfId="307" applyFont="1" applyFill="1" applyBorder="1" applyAlignment="1">
      <alignment horizontal="center" vertical="center" wrapText="1"/>
    </xf>
    <xf numFmtId="0" fontId="90" fillId="0" borderId="0" xfId="309" applyFont="1" applyFill="1" applyAlignment="1">
      <alignment horizontal="center"/>
    </xf>
    <xf numFmtId="0" fontId="123" fillId="0" borderId="0" xfId="151" applyFont="1"/>
    <xf numFmtId="0" fontId="124" fillId="0" borderId="0" xfId="0" applyFont="1" applyFill="1"/>
    <xf numFmtId="3" fontId="90" fillId="0" borderId="0" xfId="367" applyNumberFormat="1" applyFont="1" applyFill="1" applyBorder="1" applyAlignment="1">
      <alignment wrapText="1"/>
    </xf>
    <xf numFmtId="3" fontId="90" fillId="0" borderId="12" xfId="367" applyNumberFormat="1" applyFont="1" applyFill="1" applyBorder="1" applyAlignment="1">
      <alignment wrapText="1"/>
    </xf>
    <xf numFmtId="3" fontId="13" fillId="0" borderId="12" xfId="367" applyNumberFormat="1" applyFont="1" applyFill="1" applyBorder="1" applyAlignment="1">
      <alignment wrapText="1"/>
    </xf>
    <xf numFmtId="0" fontId="91" fillId="0" borderId="0" xfId="309" applyFont="1" applyFill="1" applyBorder="1" applyAlignment="1"/>
    <xf numFmtId="0" fontId="91" fillId="34" borderId="2" xfId="309" applyFont="1" applyFill="1" applyBorder="1" applyAlignment="1"/>
    <xf numFmtId="0" fontId="0" fillId="0" borderId="0" xfId="0" applyFill="1"/>
    <xf numFmtId="0" fontId="90" fillId="0" borderId="0" xfId="0" applyFont="1" applyFill="1" applyBorder="1" applyAlignment="1">
      <alignment horizontal="left" vertical="center"/>
    </xf>
    <xf numFmtId="165" fontId="118" fillId="0" borderId="0" xfId="866" applyFont="1" applyFill="1" applyAlignment="1">
      <alignment horizontal="center" vertical="center"/>
    </xf>
    <xf numFmtId="3" fontId="114" fillId="0" borderId="0" xfId="0" applyNumberFormat="1" applyFont="1" applyFill="1" applyBorder="1"/>
    <xf numFmtId="3" fontId="90" fillId="0" borderId="0" xfId="0" applyNumberFormat="1" applyFont="1" applyFill="1" applyBorder="1" applyAlignment="1">
      <alignment horizontal="right" wrapText="1"/>
    </xf>
    <xf numFmtId="3" fontId="90" fillId="0" borderId="37" xfId="309" applyNumberFormat="1" applyFont="1" applyFill="1" applyBorder="1"/>
    <xf numFmtId="3" fontId="96" fillId="0" borderId="0" xfId="0" applyNumberFormat="1" applyFont="1" applyFill="1"/>
    <xf numFmtId="3" fontId="90" fillId="0" borderId="37" xfId="0" applyNumberFormat="1" applyFont="1" applyFill="1" applyBorder="1"/>
    <xf numFmtId="0" fontId="91" fillId="0" borderId="0" xfId="309" applyFont="1" applyFill="1" applyAlignment="1">
      <alignment horizontal="right"/>
    </xf>
    <xf numFmtId="0" fontId="13" fillId="0" borderId="0" xfId="309" applyFont="1" applyFill="1" applyAlignment="1">
      <alignment horizontal="right" wrapText="1"/>
    </xf>
    <xf numFmtId="0" fontId="13" fillId="0" borderId="37" xfId="309" applyFont="1" applyFill="1" applyBorder="1" applyAlignment="1">
      <alignment horizontal="right"/>
    </xf>
    <xf numFmtId="0" fontId="13" fillId="0" borderId="2" xfId="309" applyFont="1" applyFill="1" applyBorder="1" applyAlignment="1">
      <alignment horizontal="right"/>
    </xf>
    <xf numFmtId="185" fontId="13" fillId="0" borderId="37" xfId="309" applyNumberFormat="1" applyFont="1" applyFill="1" applyBorder="1" applyAlignment="1">
      <alignment horizontal="right"/>
    </xf>
    <xf numFmtId="0" fontId="91" fillId="0" borderId="2" xfId="309" applyFont="1" applyFill="1" applyBorder="1" applyAlignment="1">
      <alignment horizontal="right"/>
    </xf>
    <xf numFmtId="3" fontId="92" fillId="0" borderId="0" xfId="0" applyNumberFormat="1" applyFont="1" applyFill="1" applyBorder="1"/>
    <xf numFmtId="3" fontId="92" fillId="0" borderId="12" xfId="0" applyNumberFormat="1" applyFont="1" applyFill="1" applyBorder="1"/>
    <xf numFmtId="0" fontId="96" fillId="0" borderId="0" xfId="151" applyFont="1" applyFill="1"/>
    <xf numFmtId="3" fontId="96" fillId="0" borderId="0" xfId="151" applyNumberFormat="1" applyFont="1" applyFill="1" applyBorder="1" applyAlignment="1">
      <alignment wrapText="1"/>
    </xf>
    <xf numFmtId="0" fontId="96" fillId="0" borderId="0" xfId="151" applyFont="1" applyFill="1" applyAlignment="1">
      <alignment horizontal="center"/>
    </xf>
    <xf numFmtId="9" fontId="93" fillId="34" borderId="12" xfId="367" applyNumberFormat="1" applyFont="1" applyFill="1" applyBorder="1" applyAlignment="1">
      <alignment horizontal="center" vertical="center" wrapText="1"/>
    </xf>
    <xf numFmtId="0" fontId="93" fillId="34" borderId="12" xfId="367" applyFont="1" applyFill="1" applyBorder="1" applyAlignment="1">
      <alignment horizontal="center" vertical="center" wrapText="1"/>
    </xf>
    <xf numFmtId="0" fontId="90" fillId="0" borderId="37" xfId="309" applyFont="1" applyFill="1" applyBorder="1"/>
    <xf numFmtId="0" fontId="90" fillId="0" borderId="37" xfId="309" applyFont="1" applyFill="1" applyBorder="1" applyAlignment="1">
      <alignment horizontal="center"/>
    </xf>
    <xf numFmtId="0" fontId="93" fillId="0" borderId="37" xfId="309" applyFont="1" applyBorder="1"/>
    <xf numFmtId="3" fontId="90" fillId="0" borderId="37" xfId="0" applyNumberFormat="1" applyFont="1" applyFill="1" applyBorder="1" applyAlignment="1">
      <alignment wrapText="1"/>
    </xf>
    <xf numFmtId="0" fontId="130" fillId="0" borderId="0" xfId="0" applyFont="1"/>
    <xf numFmtId="0" fontId="131" fillId="0" borderId="0" xfId="865" applyFont="1"/>
    <xf numFmtId="9" fontId="93" fillId="34" borderId="12" xfId="367" applyNumberFormat="1" applyFont="1" applyFill="1" applyBorder="1" applyAlignment="1">
      <alignment horizontal="center" vertical="center" wrapText="1"/>
    </xf>
    <xf numFmtId="0" fontId="90" fillId="0" borderId="0" xfId="367" applyFont="1" applyFill="1" applyAlignment="1">
      <alignment horizontal="center"/>
    </xf>
    <xf numFmtId="0" fontId="93" fillId="34" borderId="12" xfId="367" applyFont="1" applyFill="1" applyBorder="1" applyAlignment="1">
      <alignment horizontal="center" vertical="center" wrapText="1"/>
    </xf>
    <xf numFmtId="0" fontId="135" fillId="0" borderId="0" xfId="865" applyFont="1" applyBorder="1" applyAlignment="1">
      <alignment vertical="center"/>
    </xf>
    <xf numFmtId="0" fontId="136" fillId="0" borderId="0" xfId="865" applyFont="1" applyBorder="1"/>
    <xf numFmtId="0" fontId="131" fillId="0" borderId="0" xfId="865" applyFont="1" applyBorder="1"/>
    <xf numFmtId="0" fontId="90" fillId="0" borderId="37" xfId="309" applyFont="1" applyBorder="1" applyAlignment="1">
      <alignment horizontal="center" vertical="center"/>
    </xf>
    <xf numFmtId="0" fontId="90" fillId="0" borderId="0" xfId="678" applyFont="1" applyFill="1" applyBorder="1" applyAlignment="1">
      <alignment wrapText="1"/>
    </xf>
    <xf numFmtId="0" fontId="91" fillId="0" borderId="0" xfId="678" applyFont="1" applyFill="1" applyBorder="1" applyAlignment="1">
      <alignment vertical="center" wrapText="1"/>
    </xf>
    <xf numFmtId="173" fontId="13" fillId="0" borderId="0" xfId="678" applyNumberFormat="1" applyFont="1" applyFill="1"/>
    <xf numFmtId="1" fontId="13" fillId="0" borderId="34" xfId="589" applyNumberFormat="1" applyFont="1" applyFill="1" applyBorder="1"/>
    <xf numFmtId="0" fontId="93" fillId="34" borderId="38" xfId="0" quotePrefix="1" applyFont="1" applyFill="1" applyBorder="1" applyAlignment="1">
      <alignment horizontal="center" vertical="center"/>
    </xf>
    <xf numFmtId="0" fontId="121" fillId="0" borderId="0" xfId="0" applyFont="1" applyFill="1"/>
    <xf numFmtId="0" fontId="141" fillId="0" borderId="0" xfId="309" applyFont="1" applyFill="1"/>
    <xf numFmtId="0" fontId="93" fillId="34" borderId="2" xfId="0" quotePrefix="1" applyFont="1" applyFill="1" applyBorder="1" applyAlignment="1">
      <alignment horizontal="center" vertical="center"/>
    </xf>
    <xf numFmtId="165" fontId="90" fillId="0" borderId="0" xfId="866" applyFont="1" applyFill="1"/>
    <xf numFmtId="0" fontId="142" fillId="0" borderId="0" xfId="0" applyFont="1"/>
    <xf numFmtId="174" fontId="146" fillId="0" borderId="0" xfId="822" applyNumberFormat="1" applyFont="1" applyFill="1" applyBorder="1" applyAlignment="1">
      <alignment wrapText="1"/>
    </xf>
    <xf numFmtId="0" fontId="131" fillId="0" borderId="0" xfId="865" applyFont="1"/>
    <xf numFmtId="0" fontId="131" fillId="0" borderId="0" xfId="865" applyFont="1" applyBorder="1" applyAlignment="1">
      <alignment vertical="center"/>
    </xf>
    <xf numFmtId="0" fontId="147" fillId="0" borderId="0" xfId="865" applyFont="1" applyBorder="1" applyAlignment="1">
      <alignment vertical="center" wrapText="1"/>
    </xf>
    <xf numFmtId="3" fontId="148" fillId="0" borderId="0" xfId="865" applyNumberFormat="1" applyFont="1" applyBorder="1" applyAlignment="1">
      <alignment vertical="center" wrapText="1"/>
    </xf>
    <xf numFmtId="0" fontId="150" fillId="0" borderId="0" xfId="0" applyFont="1"/>
    <xf numFmtId="0" fontId="149" fillId="0" borderId="0" xfId="865" applyFont="1"/>
    <xf numFmtId="0" fontId="151" fillId="0" borderId="0" xfId="865" applyFont="1" applyAlignment="1">
      <alignment vertical="center"/>
    </xf>
    <xf numFmtId="0" fontId="149" fillId="0" borderId="0" xfId="865" applyFont="1" applyBorder="1" applyAlignment="1">
      <alignment vertical="center"/>
    </xf>
    <xf numFmtId="0" fontId="149" fillId="0" borderId="0" xfId="865" applyFont="1" applyBorder="1"/>
    <xf numFmtId="0" fontId="149" fillId="0" borderId="0" xfId="865" applyFont="1" applyFill="1"/>
    <xf numFmtId="0" fontId="149" fillId="0" borderId="0" xfId="865" applyFont="1" applyBorder="1" applyAlignment="1">
      <alignment vertical="center" wrapText="1"/>
    </xf>
    <xf numFmtId="0" fontId="149" fillId="0" borderId="0" xfId="865" applyFont="1" applyBorder="1" applyAlignment="1">
      <alignment horizontal="center" vertical="center" wrapText="1"/>
    </xf>
    <xf numFmtId="0" fontId="150" fillId="34" borderId="35" xfId="0" applyFont="1" applyFill="1" applyBorder="1" applyAlignment="1">
      <alignment horizontal="center" vertical="center" wrapText="1"/>
    </xf>
    <xf numFmtId="0" fontId="150" fillId="34" borderId="4" xfId="0" applyFont="1" applyFill="1" applyBorder="1" applyAlignment="1">
      <alignment horizontal="center" vertical="center" wrapText="1"/>
    </xf>
    <xf numFmtId="0" fontId="152" fillId="0" borderId="0" xfId="865" applyFont="1" applyBorder="1" applyAlignment="1">
      <alignment vertical="center" wrapText="1"/>
    </xf>
    <xf numFmtId="0" fontId="152" fillId="0" borderId="37" xfId="865" applyFont="1" applyBorder="1" applyAlignment="1">
      <alignment vertical="center" wrapText="1"/>
    </xf>
    <xf numFmtId="0" fontId="153" fillId="0" borderId="0" xfId="865" applyFont="1" applyBorder="1" applyAlignment="1">
      <alignment horizontal="center" vertical="center" wrapText="1"/>
    </xf>
    <xf numFmtId="0" fontId="153" fillId="0" borderId="0" xfId="865" applyFont="1" applyBorder="1" applyAlignment="1">
      <alignment vertical="center" wrapText="1"/>
    </xf>
    <xf numFmtId="3" fontId="154" fillId="0" borderId="38" xfId="865" applyNumberFormat="1" applyFont="1" applyBorder="1" applyAlignment="1">
      <alignment vertical="center" wrapText="1"/>
    </xf>
    <xf numFmtId="0" fontId="156" fillId="0" borderId="0" xfId="865" applyFont="1" applyBorder="1" applyAlignment="1">
      <alignment vertical="center"/>
    </xf>
    <xf numFmtId="0" fontId="157" fillId="0" borderId="0" xfId="865" applyFont="1" applyBorder="1" applyAlignment="1">
      <alignment vertical="center" wrapText="1"/>
    </xf>
    <xf numFmtId="0" fontId="157" fillId="0" borderId="0" xfId="865" applyFont="1" applyBorder="1" applyAlignment="1">
      <alignment vertical="center"/>
    </xf>
    <xf numFmtId="0" fontId="158" fillId="0" borderId="0" xfId="865" applyFont="1" applyFill="1" applyBorder="1" applyAlignment="1">
      <alignment horizontal="center" vertical="center" wrapText="1"/>
    </xf>
    <xf numFmtId="0" fontId="158" fillId="0" borderId="0" xfId="865" applyFont="1" applyFill="1" applyBorder="1" applyAlignment="1">
      <alignment horizontal="left" vertical="center" wrapText="1" indent="1"/>
    </xf>
    <xf numFmtId="0" fontId="158" fillId="0" borderId="37" xfId="865" applyFont="1" applyFill="1" applyBorder="1" applyAlignment="1">
      <alignment horizontal="center" vertical="center" wrapText="1"/>
    </xf>
    <xf numFmtId="0" fontId="158" fillId="0" borderId="37" xfId="865" applyFont="1" applyFill="1" applyBorder="1" applyAlignment="1">
      <alignment horizontal="left" vertical="center" wrapText="1" indent="1"/>
    </xf>
    <xf numFmtId="0" fontId="159" fillId="0" borderId="38" xfId="865" applyFont="1" applyFill="1" applyBorder="1" applyAlignment="1">
      <alignment horizontal="center" vertical="center" wrapText="1"/>
    </xf>
    <xf numFmtId="0" fontId="159" fillId="0" borderId="38" xfId="865" applyFont="1" applyFill="1" applyBorder="1" applyAlignment="1">
      <alignment vertical="center" wrapText="1"/>
    </xf>
    <xf numFmtId="0" fontId="131" fillId="0" borderId="0" xfId="865" applyFont="1" applyFill="1" applyBorder="1"/>
    <xf numFmtId="0" fontId="150" fillId="34" borderId="4" xfId="865" applyFont="1" applyFill="1" applyBorder="1" applyAlignment="1">
      <alignment horizontal="center" vertical="center" wrapText="1"/>
    </xf>
    <xf numFmtId="3" fontId="131" fillId="0" borderId="0" xfId="865" applyNumberFormat="1" applyFont="1" applyFill="1" applyBorder="1" applyAlignment="1">
      <alignment vertical="center" wrapText="1"/>
    </xf>
    <xf numFmtId="0" fontId="160" fillId="0" borderId="0" xfId="865" applyFont="1" applyBorder="1" applyAlignment="1">
      <alignment vertical="center"/>
    </xf>
    <xf numFmtId="0" fontId="149" fillId="0" borderId="0" xfId="865" applyFont="1" applyFill="1" applyBorder="1"/>
    <xf numFmtId="0" fontId="93" fillId="34" borderId="35" xfId="0" quotePrefix="1" applyFont="1" applyFill="1" applyBorder="1" applyAlignment="1">
      <alignment horizontal="left"/>
    </xf>
    <xf numFmtId="0" fontId="131" fillId="0" borderId="0" xfId="865" applyFont="1" applyBorder="1" applyAlignment="1">
      <alignment horizontal="center" vertical="center"/>
    </xf>
    <xf numFmtId="0" fontId="132" fillId="0" borderId="0" xfId="865" applyFont="1" applyFill="1" applyBorder="1" applyAlignment="1">
      <alignment horizontal="center" vertical="center" wrapText="1"/>
    </xf>
    <xf numFmtId="0" fontId="137" fillId="0" borderId="0" xfId="865" applyFont="1" applyFill="1" applyBorder="1" applyAlignment="1">
      <alignment horizontal="center" vertical="center" wrapText="1"/>
    </xf>
    <xf numFmtId="0" fontId="138" fillId="0" borderId="0" xfId="865" applyFont="1" applyFill="1" applyBorder="1" applyAlignment="1">
      <alignment horizontal="center" vertical="center" wrapText="1"/>
    </xf>
    <xf numFmtId="0" fontId="150" fillId="0" borderId="0" xfId="0" applyFont="1" applyFill="1" applyBorder="1"/>
    <xf numFmtId="0" fontId="137" fillId="0" borderId="37" xfId="865" applyFont="1" applyFill="1" applyBorder="1" applyAlignment="1">
      <alignment horizontal="center" vertical="center" wrapText="1"/>
    </xf>
    <xf numFmtId="3" fontId="150" fillId="0" borderId="0" xfId="865" applyNumberFormat="1" applyFont="1" applyFill="1" applyBorder="1" applyAlignment="1">
      <alignment vertical="center" wrapText="1"/>
    </xf>
    <xf numFmtId="0" fontId="131" fillId="34" borderId="40" xfId="865" applyFont="1" applyFill="1" applyBorder="1"/>
    <xf numFmtId="0" fontId="131" fillId="34" borderId="9" xfId="865" applyFont="1" applyFill="1" applyBorder="1" applyAlignment="1">
      <alignment vertical="center" wrapText="1"/>
    </xf>
    <xf numFmtId="0" fontId="155" fillId="34" borderId="37" xfId="865" applyFont="1" applyFill="1" applyBorder="1" applyAlignment="1">
      <alignment vertical="center" wrapText="1"/>
    </xf>
    <xf numFmtId="0" fontId="131" fillId="34" borderId="36" xfId="865" applyFont="1" applyFill="1" applyBorder="1" applyAlignment="1">
      <alignment vertical="center" wrapText="1"/>
    </xf>
    <xf numFmtId="0" fontId="90" fillId="0" borderId="0" xfId="0" applyFont="1" applyBorder="1" applyAlignment="1">
      <alignment horizontal="center" vertical="center"/>
    </xf>
    <xf numFmtId="0" fontId="90" fillId="0" borderId="37" xfId="0" applyFont="1" applyFill="1" applyBorder="1"/>
    <xf numFmtId="0" fontId="90" fillId="0" borderId="37" xfId="0" applyFont="1" applyBorder="1" applyAlignment="1">
      <alignment horizontal="center" vertical="center"/>
    </xf>
    <xf numFmtId="3" fontId="145" fillId="0" borderId="0" xfId="0" applyNumberFormat="1" applyFont="1" applyFill="1" applyBorder="1"/>
    <xf numFmtId="3" fontId="162" fillId="0" borderId="0" xfId="0" applyNumberFormat="1" applyFont="1" applyFill="1" applyAlignment="1">
      <alignment horizontal="center" vertical="center"/>
    </xf>
    <xf numFmtId="0" fontId="93" fillId="34" borderId="11" xfId="307" applyFont="1" applyFill="1" applyBorder="1" applyAlignment="1">
      <alignment horizontal="center" vertical="center" wrapText="1"/>
    </xf>
    <xf numFmtId="0" fontId="93" fillId="34" borderId="42" xfId="307" applyFont="1" applyFill="1" applyBorder="1" applyAlignment="1">
      <alignment horizontal="center" vertical="center" wrapText="1"/>
    </xf>
    <xf numFmtId="15" fontId="91" fillId="34" borderId="12" xfId="307" quotePrefix="1" applyNumberFormat="1" applyFont="1" applyFill="1" applyBorder="1" applyAlignment="1">
      <alignment horizontal="center" vertical="center" wrapText="1"/>
    </xf>
    <xf numFmtId="15" fontId="91" fillId="34" borderId="37" xfId="307" quotePrefix="1" applyNumberFormat="1" applyFont="1" applyFill="1" applyBorder="1" applyAlignment="1">
      <alignment horizontal="center" vertical="center" wrapText="1"/>
    </xf>
    <xf numFmtId="3" fontId="129" fillId="0" borderId="0" xfId="0" applyNumberFormat="1" applyFont="1" applyFill="1" applyAlignment="1">
      <alignment horizontal="center" vertical="center"/>
    </xf>
    <xf numFmtId="3" fontId="13" fillId="0" borderId="12" xfId="66" applyNumberFormat="1" applyFont="1" applyFill="1" applyBorder="1" applyAlignment="1">
      <alignment wrapText="1"/>
    </xf>
    <xf numFmtId="0" fontId="131" fillId="0" borderId="0" xfId="865" applyFont="1" applyBorder="1"/>
    <xf numFmtId="0" fontId="131" fillId="0" borderId="0" xfId="865" applyFont="1" applyFill="1" applyBorder="1" applyAlignment="1">
      <alignment vertical="center" wrapText="1"/>
    </xf>
    <xf numFmtId="0" fontId="134" fillId="0" borderId="0" xfId="865" applyFont="1" applyFill="1" applyBorder="1" applyAlignment="1">
      <alignment vertical="center" wrapText="1"/>
    </xf>
    <xf numFmtId="0" fontId="119" fillId="0" borderId="0" xfId="0" applyFont="1"/>
    <xf numFmtId="0" fontId="122" fillId="0" borderId="0" xfId="865" applyFont="1"/>
    <xf numFmtId="0" fontId="120" fillId="0" borderId="0" xfId="865" applyFont="1" applyAlignment="1">
      <alignment vertical="center"/>
    </xf>
    <xf numFmtId="0" fontId="121" fillId="0" borderId="0" xfId="865" applyFont="1"/>
    <xf numFmtId="0" fontId="122" fillId="0" borderId="0" xfId="865" applyFont="1" applyBorder="1"/>
    <xf numFmtId="0" fontId="122" fillId="0" borderId="0" xfId="865" applyFont="1" applyBorder="1" applyAlignment="1">
      <alignment vertical="center" wrapText="1"/>
    </xf>
    <xf numFmtId="0" fontId="122" fillId="0" borderId="0" xfId="865" applyFont="1" applyBorder="1" applyAlignment="1">
      <alignment horizontal="center" vertical="center" wrapText="1"/>
    </xf>
    <xf numFmtId="0" fontId="122" fillId="34" borderId="8" xfId="865" applyFont="1" applyFill="1" applyBorder="1" applyAlignment="1">
      <alignment vertical="center" wrapText="1"/>
    </xf>
    <xf numFmtId="0" fontId="122" fillId="34" borderId="9" xfId="865" applyFont="1" applyFill="1" applyBorder="1" applyAlignment="1">
      <alignment vertical="center" wrapText="1"/>
    </xf>
    <xf numFmtId="0" fontId="119" fillId="34" borderId="35" xfId="0" quotePrefix="1" applyFont="1" applyFill="1" applyBorder="1" applyAlignment="1">
      <alignment horizontal="left"/>
    </xf>
    <xf numFmtId="0" fontId="122" fillId="34" borderId="36" xfId="865" applyFont="1" applyFill="1" applyBorder="1" applyAlignment="1">
      <alignment vertical="center" wrapText="1"/>
    </xf>
    <xf numFmtId="0" fontId="119" fillId="34" borderId="35" xfId="865" applyFont="1" applyFill="1" applyBorder="1" applyAlignment="1">
      <alignment horizontal="center" vertical="center" wrapText="1"/>
    </xf>
    <xf numFmtId="0" fontId="122" fillId="0" borderId="0" xfId="865" applyFont="1" applyFill="1" applyBorder="1" applyAlignment="1">
      <alignment horizontal="center" vertical="center" wrapText="1"/>
    </xf>
    <xf numFmtId="0" fontId="122" fillId="0" borderId="0" xfId="865" applyFont="1" applyFill="1" applyBorder="1" applyAlignment="1">
      <alignment vertical="center" wrapText="1"/>
    </xf>
    <xf numFmtId="3" fontId="122" fillId="0" borderId="0" xfId="865" applyNumberFormat="1" applyFont="1"/>
    <xf numFmtId="0" fontId="122" fillId="0" borderId="0" xfId="865" applyFont="1" applyFill="1"/>
    <xf numFmtId="0" fontId="135" fillId="0" borderId="0" xfId="865" applyFont="1" applyAlignment="1">
      <alignment vertical="center"/>
    </xf>
    <xf numFmtId="0" fontId="136" fillId="0" borderId="0" xfId="865" applyFont="1"/>
    <xf numFmtId="0" fontId="131" fillId="0" borderId="0" xfId="865" applyFont="1" applyBorder="1" applyAlignment="1">
      <alignment vertical="center" wrapText="1"/>
    </xf>
    <xf numFmtId="0" fontId="131" fillId="0" borderId="0" xfId="865" applyFont="1" applyBorder="1" applyAlignment="1">
      <alignment horizontal="center" vertical="center" wrapText="1"/>
    </xf>
    <xf numFmtId="0" fontId="131" fillId="34" borderId="8" xfId="865" applyFont="1" applyFill="1" applyBorder="1" applyAlignment="1">
      <alignment vertical="center" wrapText="1"/>
    </xf>
    <xf numFmtId="0" fontId="130" fillId="34" borderId="35" xfId="0" quotePrefix="1" applyFont="1" applyFill="1" applyBorder="1" applyAlignment="1">
      <alignment horizontal="left"/>
    </xf>
    <xf numFmtId="0" fontId="130" fillId="34" borderId="35" xfId="865" applyFont="1" applyFill="1" applyBorder="1" applyAlignment="1">
      <alignment horizontal="center" vertical="center" wrapText="1"/>
    </xf>
    <xf numFmtId="0" fontId="130" fillId="34" borderId="4" xfId="865" applyFont="1" applyFill="1" applyBorder="1" applyAlignment="1">
      <alignment horizontal="center" vertical="center" wrapText="1"/>
    </xf>
    <xf numFmtId="0" fontId="131" fillId="0" borderId="0" xfId="865" applyFont="1" applyFill="1" applyBorder="1" applyAlignment="1">
      <alignment horizontal="center" vertical="center" wrapText="1"/>
    </xf>
    <xf numFmtId="0" fontId="133" fillId="0" borderId="0" xfId="865" applyFont="1" applyFill="1" applyBorder="1" applyAlignment="1">
      <alignment horizontal="center" vertical="center" wrapText="1"/>
    </xf>
    <xf numFmtId="0" fontId="133" fillId="0" borderId="0" xfId="865" applyFont="1" applyFill="1" applyBorder="1" applyAlignment="1">
      <alignment horizontal="left" vertical="center" wrapText="1" indent="1"/>
    </xf>
    <xf numFmtId="0" fontId="133" fillId="0" borderId="0" xfId="865" applyFont="1" applyFill="1" applyBorder="1" applyAlignment="1">
      <alignment vertical="center" wrapText="1"/>
    </xf>
    <xf numFmtId="0" fontId="133" fillId="0" borderId="37" xfId="865" applyFont="1" applyFill="1" applyBorder="1" applyAlignment="1">
      <alignment horizontal="center" vertical="center" wrapText="1"/>
    </xf>
    <xf numFmtId="0" fontId="133" fillId="0" borderId="37" xfId="865" applyFont="1" applyFill="1" applyBorder="1" applyAlignment="1">
      <alignment horizontal="left" vertical="center" wrapText="1" indent="1"/>
    </xf>
    <xf numFmtId="3" fontId="131" fillId="0" borderId="0" xfId="865" applyNumberFormat="1" applyFont="1" applyFill="1" applyBorder="1"/>
    <xf numFmtId="0" fontId="134" fillId="0" borderId="0" xfId="865" applyFont="1" applyFill="1" applyBorder="1" applyAlignment="1">
      <alignment horizontal="center" vertical="center" wrapText="1"/>
    </xf>
    <xf numFmtId="0" fontId="130" fillId="0" borderId="0" xfId="0" applyFont="1" applyBorder="1"/>
    <xf numFmtId="0" fontId="131" fillId="0" borderId="0" xfId="865" applyFont="1" applyFill="1"/>
    <xf numFmtId="0" fontId="150" fillId="34" borderId="35" xfId="0" applyFont="1" applyFill="1" applyBorder="1" applyAlignment="1">
      <alignment horizontal="center" vertical="center" wrapText="1"/>
    </xf>
    <xf numFmtId="0" fontId="122" fillId="34" borderId="8" xfId="865" applyFont="1" applyFill="1" applyBorder="1" applyAlignment="1">
      <alignment vertical="center" wrapText="1"/>
    </xf>
    <xf numFmtId="0" fontId="122" fillId="34" borderId="9" xfId="865" applyFont="1" applyFill="1" applyBorder="1" applyAlignment="1">
      <alignment vertical="center" wrapText="1"/>
    </xf>
    <xf numFmtId="0" fontId="119" fillId="34" borderId="35" xfId="865" applyFont="1" applyFill="1" applyBorder="1" applyAlignment="1">
      <alignment horizontal="center" vertical="center" wrapText="1"/>
    </xf>
    <xf numFmtId="0" fontId="122" fillId="0" borderId="0" xfId="865" applyFont="1" applyBorder="1" applyAlignment="1">
      <alignment horizontal="center" vertical="center" wrapText="1"/>
    </xf>
    <xf numFmtId="0" fontId="131" fillId="0" borderId="0" xfId="865" applyFont="1" applyFill="1" applyBorder="1" applyAlignment="1">
      <alignment vertical="center" wrapText="1"/>
    </xf>
    <xf numFmtId="0" fontId="134" fillId="0" borderId="0" xfId="865" applyFont="1" applyFill="1" applyBorder="1" applyAlignment="1">
      <alignment vertical="center" wrapText="1"/>
    </xf>
    <xf numFmtId="3" fontId="121" fillId="0" borderId="0" xfId="0" applyNumberFormat="1" applyFont="1" applyAlignment="1">
      <alignment horizontal="right" wrapText="1"/>
    </xf>
    <xf numFmtId="3" fontId="121" fillId="0" borderId="0" xfId="0" applyNumberFormat="1" applyFont="1" applyAlignment="1">
      <alignment wrapText="1"/>
    </xf>
    <xf numFmtId="0" fontId="163" fillId="0" borderId="0" xfId="309" applyFont="1"/>
    <xf numFmtId="0" fontId="121" fillId="0" borderId="0" xfId="309" applyFont="1"/>
    <xf numFmtId="0" fontId="120" fillId="0" borderId="0" xfId="309" applyFont="1"/>
    <xf numFmtId="0" fontId="120" fillId="0" borderId="12" xfId="309" applyFont="1" applyBorder="1"/>
    <xf numFmtId="0" fontId="120" fillId="34" borderId="42" xfId="309" applyFont="1" applyFill="1" applyBorder="1" applyAlignment="1">
      <alignment horizontal="center" vertical="center" wrapText="1" readingOrder="1"/>
    </xf>
    <xf numFmtId="14" fontId="120" fillId="34" borderId="12" xfId="309" quotePrefix="1" applyNumberFormat="1" applyFont="1" applyFill="1" applyBorder="1" applyAlignment="1">
      <alignment horizontal="center" vertical="center" wrapText="1" readingOrder="1"/>
    </xf>
    <xf numFmtId="3" fontId="121" fillId="0" borderId="0" xfId="309" applyNumberFormat="1" applyFont="1"/>
    <xf numFmtId="3" fontId="120" fillId="0" borderId="42" xfId="309" applyNumberFormat="1" applyFont="1" applyBorder="1"/>
    <xf numFmtId="3" fontId="121" fillId="0" borderId="12" xfId="309" applyNumberFormat="1" applyFont="1" applyBorder="1"/>
    <xf numFmtId="3" fontId="120" fillId="0" borderId="38" xfId="309" applyNumberFormat="1" applyFont="1" applyBorder="1"/>
    <xf numFmtId="3" fontId="120" fillId="0" borderId="0" xfId="309" applyNumberFormat="1" applyFont="1"/>
    <xf numFmtId="3" fontId="120" fillId="0" borderId="12" xfId="309" applyNumberFormat="1" applyFont="1" applyBorder="1"/>
    <xf numFmtId="0" fontId="164" fillId="0" borderId="0" xfId="309" applyFont="1" applyAlignment="1">
      <alignment vertical="center"/>
    </xf>
    <xf numFmtId="3" fontId="120" fillId="0" borderId="38" xfId="309" applyNumberFormat="1" applyFont="1" applyFill="1" applyBorder="1"/>
    <xf numFmtId="0" fontId="121" fillId="0" borderId="4" xfId="309" applyFont="1" applyBorder="1"/>
    <xf numFmtId="0" fontId="121" fillId="0" borderId="4" xfId="309" applyFont="1" applyBorder="1" applyAlignment="1">
      <alignment horizontal="left" wrapText="1"/>
    </xf>
    <xf numFmtId="0" fontId="121" fillId="0" borderId="4" xfId="309" applyFont="1" applyBorder="1" applyAlignment="1">
      <alignment horizontal="center"/>
    </xf>
    <xf numFmtId="0" fontId="120" fillId="0" borderId="4" xfId="309" applyFont="1" applyBorder="1" applyAlignment="1">
      <alignment horizontal="left" wrapText="1"/>
    </xf>
    <xf numFmtId="0" fontId="164" fillId="0" borderId="4" xfId="309" applyFont="1" applyBorder="1" applyAlignment="1">
      <alignment horizontal="center"/>
    </xf>
    <xf numFmtId="0" fontId="121" fillId="0" borderId="4" xfId="309" applyFont="1" applyBorder="1" applyAlignment="1">
      <alignment horizontal="center" wrapText="1"/>
    </xf>
    <xf numFmtId="3" fontId="121" fillId="0" borderId="4" xfId="309" applyNumberFormat="1" applyFont="1" applyBorder="1" applyAlignment="1">
      <alignment horizontal="center"/>
    </xf>
    <xf numFmtId="0" fontId="121" fillId="0" borderId="4" xfId="309" applyFont="1" applyBorder="1" applyAlignment="1">
      <alignment horizontal="right"/>
    </xf>
    <xf numFmtId="177" fontId="121" fillId="0" borderId="4" xfId="309" applyNumberFormat="1" applyFont="1" applyBorder="1" applyAlignment="1">
      <alignment horizontal="center"/>
    </xf>
    <xf numFmtId="9" fontId="121" fillId="0" borderId="4" xfId="309" applyNumberFormat="1" applyFont="1" applyBorder="1" applyAlignment="1">
      <alignment horizontal="center"/>
    </xf>
    <xf numFmtId="178" fontId="121" fillId="0" borderId="4" xfId="309" applyNumberFormat="1" applyFont="1" applyBorder="1" applyAlignment="1">
      <alignment horizontal="center"/>
    </xf>
    <xf numFmtId="14" fontId="121" fillId="0" borderId="4" xfId="309" applyNumberFormat="1" applyFont="1" applyBorder="1" applyAlignment="1">
      <alignment horizontal="center" wrapText="1"/>
    </xf>
    <xf numFmtId="0" fontId="164" fillId="0" borderId="0" xfId="309" quotePrefix="1" applyFont="1"/>
    <xf numFmtId="49" fontId="120" fillId="34" borderId="39" xfId="309" applyNumberFormat="1" applyFont="1" applyFill="1" applyBorder="1" applyAlignment="1">
      <alignment vertical="center"/>
    </xf>
    <xf numFmtId="49" fontId="120" fillId="34" borderId="6" xfId="309" applyNumberFormat="1" applyFont="1" applyFill="1" applyBorder="1" applyAlignment="1">
      <alignment vertical="center"/>
    </xf>
    <xf numFmtId="3" fontId="121" fillId="0" borderId="0" xfId="865" applyNumberFormat="1" applyFont="1" applyAlignment="1">
      <alignment vertical="center" wrapText="1"/>
    </xf>
    <xf numFmtId="3" fontId="121" fillId="0" borderId="0" xfId="865" applyNumberFormat="1" applyFont="1" applyAlignment="1">
      <alignment vertical="center"/>
    </xf>
    <xf numFmtId="3" fontId="121" fillId="0" borderId="12" xfId="865" applyNumberFormat="1" applyFont="1" applyBorder="1" applyAlignment="1">
      <alignment vertical="center" wrapText="1"/>
    </xf>
    <xf numFmtId="3" fontId="121" fillId="0" borderId="12" xfId="865" applyNumberFormat="1" applyFont="1" applyBorder="1" applyAlignment="1">
      <alignment vertical="center"/>
    </xf>
    <xf numFmtId="3" fontId="120" fillId="0" borderId="0" xfId="865" applyNumberFormat="1" applyFont="1" applyAlignment="1">
      <alignment vertical="center" wrapText="1"/>
    </xf>
    <xf numFmtId="3" fontId="120" fillId="0" borderId="38" xfId="865" applyNumberFormat="1" applyFont="1" applyBorder="1" applyAlignment="1">
      <alignment vertical="center" wrapText="1"/>
    </xf>
    <xf numFmtId="3" fontId="121" fillId="0" borderId="0" xfId="865" applyNumberFormat="1" applyFont="1" applyAlignment="1">
      <alignment horizontal="right" vertical="center" wrapText="1"/>
    </xf>
    <xf numFmtId="3" fontId="164" fillId="0" borderId="0" xfId="865" applyNumberFormat="1" applyFont="1" applyAlignment="1">
      <alignment horizontal="right" vertical="center" wrapText="1" indent="1"/>
    </xf>
    <xf numFmtId="3" fontId="164" fillId="0" borderId="0" xfId="865" applyNumberFormat="1" applyFont="1" applyAlignment="1">
      <alignment horizontal="right" vertical="center" wrapText="1"/>
    </xf>
    <xf numFmtId="3" fontId="164" fillId="0" borderId="12" xfId="865" applyNumberFormat="1" applyFont="1" applyBorder="1" applyAlignment="1">
      <alignment horizontal="right" vertical="center" wrapText="1"/>
    </xf>
    <xf numFmtId="3" fontId="120" fillId="0" borderId="0" xfId="865" applyNumberFormat="1" applyFont="1" applyAlignment="1">
      <alignment horizontal="right" vertical="center" wrapText="1"/>
    </xf>
    <xf numFmtId="3" fontId="121" fillId="0" borderId="0" xfId="0" applyNumberFormat="1" applyFont="1" applyAlignment="1">
      <alignment horizontal="center" vertical="center" wrapText="1"/>
    </xf>
    <xf numFmtId="3" fontId="121" fillId="0" borderId="12" xfId="0" applyNumberFormat="1" applyFont="1" applyBorder="1" applyAlignment="1">
      <alignment horizontal="center" vertical="center" wrapText="1"/>
    </xf>
    <xf numFmtId="3" fontId="120" fillId="0" borderId="0" xfId="0" applyNumberFormat="1" applyFont="1" applyAlignment="1">
      <alignment horizontal="center" vertical="center" wrapText="1"/>
    </xf>
    <xf numFmtId="3" fontId="121" fillId="0" borderId="0" xfId="309" applyNumberFormat="1" applyFont="1" applyAlignment="1">
      <alignment vertical="top" wrapText="1"/>
    </xf>
    <xf numFmtId="3" fontId="121" fillId="0" borderId="43" xfId="309" applyNumberFormat="1" applyFont="1" applyBorder="1"/>
    <xf numFmtId="172" fontId="121" fillId="0" borderId="0" xfId="309" applyNumberFormat="1" applyFont="1"/>
    <xf numFmtId="3" fontId="121" fillId="0" borderId="12" xfId="309" applyNumberFormat="1" applyFont="1" applyBorder="1" applyAlignment="1">
      <alignment vertical="top" wrapText="1"/>
    </xf>
    <xf numFmtId="172" fontId="121" fillId="0" borderId="12" xfId="309" applyNumberFormat="1" applyFont="1" applyBorder="1"/>
    <xf numFmtId="3" fontId="120" fillId="0" borderId="0" xfId="309" applyNumberFormat="1" applyFont="1" applyAlignment="1">
      <alignment vertical="top" wrapText="1"/>
    </xf>
    <xf numFmtId="172" fontId="120" fillId="0" borderId="0" xfId="309" applyNumberFormat="1" applyFont="1"/>
    <xf numFmtId="3" fontId="121" fillId="0" borderId="0" xfId="309" applyNumberFormat="1" applyFont="1" applyAlignment="1">
      <alignment wrapText="1"/>
    </xf>
    <xf numFmtId="3" fontId="120" fillId="0" borderId="42" xfId="309" applyNumberFormat="1" applyFont="1" applyBorder="1" applyAlignment="1">
      <alignment wrapText="1"/>
    </xf>
    <xf numFmtId="0" fontId="121" fillId="0" borderId="0" xfId="151" applyFont="1"/>
    <xf numFmtId="0" fontId="120" fillId="0" borderId="0" xfId="151" applyFont="1"/>
    <xf numFmtId="0" fontId="121" fillId="0" borderId="0" xfId="151" applyFont="1" applyAlignment="1">
      <alignment horizontal="center" vertical="center"/>
    </xf>
    <xf numFmtId="173" fontId="121" fillId="0" borderId="0" xfId="151" applyNumberFormat="1" applyFont="1" applyAlignment="1">
      <alignment horizontal="center" vertical="center"/>
    </xf>
    <xf numFmtId="174" fontId="121" fillId="0" borderId="0" xfId="161" applyNumberFormat="1" applyFont="1" applyAlignment="1">
      <alignment horizontal="center" vertical="center"/>
    </xf>
    <xf numFmtId="15" fontId="120" fillId="34" borderId="38" xfId="151" quotePrefix="1" applyNumberFormat="1" applyFont="1" applyFill="1" applyBorder="1" applyAlignment="1">
      <alignment horizontal="left" wrapText="1"/>
    </xf>
    <xf numFmtId="0" fontId="120" fillId="34" borderId="38" xfId="151" applyFont="1" applyFill="1" applyBorder="1" applyAlignment="1">
      <alignment horizontal="center" vertical="center" wrapText="1"/>
    </xf>
    <xf numFmtId="9" fontId="120" fillId="34" borderId="38" xfId="151" applyNumberFormat="1" applyFont="1" applyFill="1" applyBorder="1" applyAlignment="1">
      <alignment horizontal="center" vertical="center" wrapText="1"/>
    </xf>
    <xf numFmtId="173" fontId="120" fillId="34" borderId="38" xfId="151" applyNumberFormat="1" applyFont="1" applyFill="1" applyBorder="1" applyAlignment="1">
      <alignment horizontal="center" vertical="center" wrapText="1"/>
    </xf>
    <xf numFmtId="0" fontId="120" fillId="0" borderId="0" xfId="151" applyFont="1" applyAlignment="1">
      <alignment wrapText="1"/>
    </xf>
    <xf numFmtId="3" fontId="121" fillId="0" borderId="0" xfId="151" applyNumberFormat="1" applyFont="1" applyAlignment="1">
      <alignment wrapText="1"/>
    </xf>
    <xf numFmtId="173" fontId="121" fillId="0" borderId="0" xfId="151" applyNumberFormat="1" applyFont="1" applyAlignment="1">
      <alignment wrapText="1"/>
    </xf>
    <xf numFmtId="173" fontId="121" fillId="0" borderId="0" xfId="588" applyNumberFormat="1" applyFont="1" applyFill="1" applyBorder="1" applyAlignment="1">
      <alignment horizontal="right"/>
    </xf>
    <xf numFmtId="0" fontId="121" fillId="0" borderId="0" xfId="151" applyFont="1" applyAlignment="1">
      <alignment wrapText="1"/>
    </xf>
    <xf numFmtId="0" fontId="121" fillId="0" borderId="0" xfId="1" applyFont="1"/>
    <xf numFmtId="0" fontId="121" fillId="0" borderId="12" xfId="151" applyFont="1" applyBorder="1"/>
    <xf numFmtId="0" fontId="121" fillId="0" borderId="12" xfId="151" applyFont="1" applyBorder="1" applyAlignment="1">
      <alignment wrapText="1"/>
    </xf>
    <xf numFmtId="3" fontId="121" fillId="0" borderId="12" xfId="151" applyNumberFormat="1" applyFont="1" applyBorder="1" applyAlignment="1">
      <alignment wrapText="1"/>
    </xf>
    <xf numFmtId="173" fontId="121" fillId="0" borderId="12" xfId="151" applyNumberFormat="1" applyFont="1" applyBorder="1" applyAlignment="1">
      <alignment wrapText="1"/>
    </xf>
    <xf numFmtId="173" fontId="121" fillId="0" borderId="12" xfId="588" applyNumberFormat="1" applyFont="1" applyFill="1" applyBorder="1" applyAlignment="1">
      <alignment horizontal="right"/>
    </xf>
    <xf numFmtId="3" fontId="120" fillId="0" borderId="0" xfId="151" applyNumberFormat="1" applyFont="1" applyAlignment="1">
      <alignment wrapText="1"/>
    </xf>
    <xf numFmtId="173" fontId="120" fillId="0" borderId="0" xfId="151" applyNumberFormat="1" applyFont="1" applyAlignment="1">
      <alignment wrapText="1"/>
    </xf>
    <xf numFmtId="3" fontId="121" fillId="0" borderId="0" xfId="151" applyNumberFormat="1" applyFont="1"/>
    <xf numFmtId="173" fontId="121" fillId="0" borderId="0" xfId="151" applyNumberFormat="1" applyFont="1"/>
    <xf numFmtId="3" fontId="121" fillId="0" borderId="0" xfId="151" quotePrefix="1" applyNumberFormat="1" applyFont="1"/>
    <xf numFmtId="0" fontId="120" fillId="0" borderId="42" xfId="151" applyFont="1" applyBorder="1" applyAlignment="1">
      <alignment wrapText="1"/>
    </xf>
    <xf numFmtId="3" fontId="120" fillId="0" borderId="42" xfId="151" applyNumberFormat="1" applyFont="1" applyBorder="1" applyAlignment="1">
      <alignment wrapText="1"/>
    </xf>
    <xf numFmtId="173" fontId="120" fillId="0" borderId="42" xfId="151" applyNumberFormat="1" applyFont="1" applyBorder="1" applyAlignment="1">
      <alignment wrapText="1"/>
    </xf>
    <xf numFmtId="0" fontId="121" fillId="0" borderId="0" xfId="151" applyFont="1" applyAlignment="1">
      <alignment horizontal="center"/>
    </xf>
    <xf numFmtId="173" fontId="121" fillId="0" borderId="0" xfId="161" applyNumberFormat="1" applyFont="1" applyFill="1"/>
    <xf numFmtId="173" fontId="121" fillId="0" borderId="0" xfId="161" applyNumberFormat="1" applyFont="1" applyFill="1" applyBorder="1"/>
    <xf numFmtId="3" fontId="121" fillId="0" borderId="0" xfId="151" applyNumberFormat="1" applyFont="1" applyAlignment="1">
      <alignment horizontal="center" vertical="center"/>
    </xf>
    <xf numFmtId="173" fontId="121" fillId="0" borderId="0" xfId="161" applyNumberFormat="1" applyFont="1" applyFill="1" applyAlignment="1">
      <alignment horizontal="center" vertical="center"/>
    </xf>
    <xf numFmtId="9" fontId="120" fillId="34" borderId="12" xfId="309" applyNumberFormat="1" applyFont="1" applyFill="1" applyBorder="1" applyAlignment="1">
      <alignment horizontal="center" vertical="center" wrapText="1"/>
    </xf>
    <xf numFmtId="3" fontId="120" fillId="0" borderId="0" xfId="307" applyNumberFormat="1" applyFont="1"/>
    <xf numFmtId="3" fontId="121" fillId="0" borderId="0" xfId="307" applyNumberFormat="1" applyFont="1"/>
    <xf numFmtId="3" fontId="121" fillId="0" borderId="12" xfId="307" applyNumberFormat="1" applyFont="1" applyBorder="1"/>
    <xf numFmtId="3" fontId="121" fillId="2" borderId="0" xfId="151" applyNumberFormat="1" applyFont="1" applyFill="1" applyAlignment="1">
      <alignment wrapText="1"/>
    </xf>
    <xf numFmtId="3" fontId="121" fillId="2" borderId="0" xfId="66" applyNumberFormat="1" applyFont="1" applyFill="1" applyBorder="1" applyAlignment="1">
      <alignment wrapText="1"/>
    </xf>
    <xf numFmtId="3" fontId="121" fillId="0" borderId="0" xfId="66" applyNumberFormat="1" applyFont="1" applyFill="1" applyBorder="1" applyAlignment="1">
      <alignment wrapText="1"/>
    </xf>
    <xf numFmtId="3" fontId="121" fillId="2" borderId="12" xfId="66" applyNumberFormat="1" applyFont="1" applyFill="1" applyBorder="1" applyAlignment="1">
      <alignment wrapText="1"/>
    </xf>
    <xf numFmtId="3" fontId="121" fillId="2" borderId="12" xfId="151" applyNumberFormat="1" applyFont="1" applyFill="1" applyBorder="1" applyAlignment="1">
      <alignment wrapText="1"/>
    </xf>
    <xf numFmtId="3" fontId="121" fillId="0" borderId="12" xfId="66" applyNumberFormat="1" applyFont="1" applyFill="1" applyBorder="1" applyAlignment="1">
      <alignment wrapText="1"/>
    </xf>
    <xf numFmtId="0" fontId="103" fillId="0" borderId="0" xfId="0" applyFont="1"/>
    <xf numFmtId="9" fontId="120" fillId="35" borderId="4" xfId="151" applyNumberFormat="1" applyFont="1" applyFill="1" applyBorder="1" applyAlignment="1">
      <alignment horizontal="center" vertical="center" wrapText="1"/>
    </xf>
    <xf numFmtId="3" fontId="121" fillId="0" borderId="38" xfId="151" applyNumberFormat="1" applyFont="1" applyBorder="1" applyAlignment="1">
      <alignment vertical="center" wrapText="1"/>
    </xf>
    <xf numFmtId="3" fontId="120" fillId="0" borderId="0" xfId="151" applyNumberFormat="1" applyFont="1" applyAlignment="1">
      <alignment vertical="center" wrapText="1"/>
    </xf>
    <xf numFmtId="15" fontId="120" fillId="34" borderId="12" xfId="678" quotePrefix="1" applyNumberFormat="1" applyFont="1" applyFill="1" applyBorder="1" applyAlignment="1">
      <alignment horizontal="left"/>
    </xf>
    <xf numFmtId="15" fontId="120" fillId="34" borderId="38" xfId="151" quotePrefix="1" applyNumberFormat="1" applyFont="1" applyFill="1" applyBorder="1" applyAlignment="1">
      <alignment horizontal="left"/>
    </xf>
    <xf numFmtId="9" fontId="120" fillId="34" borderId="38" xfId="151" applyNumberFormat="1" applyFont="1" applyFill="1" applyBorder="1" applyAlignment="1">
      <alignment horizontal="center" wrapText="1"/>
    </xf>
    <xf numFmtId="173" fontId="121" fillId="0" borderId="0" xfId="161" applyNumberFormat="1" applyFont="1" applyFill="1" applyBorder="1" applyAlignment="1">
      <alignment wrapText="1"/>
    </xf>
    <xf numFmtId="173" fontId="121" fillId="0" borderId="12" xfId="686" applyNumberFormat="1" applyFont="1" applyFill="1" applyBorder="1" applyAlignment="1">
      <alignment wrapText="1"/>
    </xf>
    <xf numFmtId="173" fontId="120" fillId="0" borderId="0" xfId="161" applyNumberFormat="1" applyFont="1" applyFill="1" applyBorder="1" applyAlignment="1">
      <alignment wrapText="1"/>
    </xf>
    <xf numFmtId="173" fontId="121" fillId="0" borderId="12" xfId="161" applyNumberFormat="1" applyFont="1" applyFill="1" applyBorder="1" applyAlignment="1">
      <alignment wrapText="1"/>
    </xf>
    <xf numFmtId="173" fontId="121" fillId="0" borderId="0" xfId="686" applyNumberFormat="1" applyFont="1" applyFill="1" applyBorder="1" applyAlignment="1">
      <alignment horizontal="right" wrapText="1"/>
    </xf>
    <xf numFmtId="173" fontId="121" fillId="0" borderId="12" xfId="686" applyNumberFormat="1" applyFont="1" applyFill="1" applyBorder="1" applyAlignment="1">
      <alignment horizontal="right" wrapText="1"/>
    </xf>
    <xf numFmtId="173" fontId="120" fillId="0" borderId="0" xfId="686" applyNumberFormat="1" applyFont="1" applyFill="1" applyBorder="1" applyAlignment="1">
      <alignment horizontal="right" wrapText="1"/>
    </xf>
    <xf numFmtId="0" fontId="120" fillId="34" borderId="38" xfId="151" applyFont="1" applyFill="1" applyBorder="1" applyAlignment="1">
      <alignment horizontal="left" wrapText="1"/>
    </xf>
    <xf numFmtId="0" fontId="121" fillId="0" borderId="0" xfId="678" applyFont="1"/>
    <xf numFmtId="173" fontId="121" fillId="0" borderId="0" xfId="678" applyNumberFormat="1" applyFont="1"/>
    <xf numFmtId="0" fontId="120" fillId="34" borderId="38" xfId="678" applyFont="1" applyFill="1" applyBorder="1" applyAlignment="1">
      <alignment horizontal="center" vertical="center" wrapText="1"/>
    </xf>
    <xf numFmtId="3" fontId="121" fillId="0" borderId="0" xfId="678" applyNumberFormat="1" applyFont="1"/>
    <xf numFmtId="0" fontId="121" fillId="0" borderId="12" xfId="678" applyFont="1" applyBorder="1"/>
    <xf numFmtId="3" fontId="121" fillId="0" borderId="12" xfId="678" applyNumberFormat="1" applyFont="1" applyBorder="1"/>
    <xf numFmtId="0" fontId="120" fillId="0" borderId="12" xfId="678" applyFont="1" applyBorder="1"/>
    <xf numFmtId="3" fontId="120" fillId="0" borderId="12" xfId="678" applyNumberFormat="1" applyFont="1" applyBorder="1"/>
    <xf numFmtId="0" fontId="120" fillId="0" borderId="0" xfId="678" applyFont="1"/>
    <xf numFmtId="0" fontId="121" fillId="0" borderId="0" xfId="309" applyFont="1" applyAlignment="1">
      <alignment horizontal="center" vertical="center"/>
    </xf>
    <xf numFmtId="0" fontId="120" fillId="34" borderId="42" xfId="678" applyFont="1" applyFill="1" applyBorder="1" applyAlignment="1">
      <alignment horizontal="center" vertical="center" wrapText="1"/>
    </xf>
    <xf numFmtId="0" fontId="120" fillId="34" borderId="0" xfId="678" applyFont="1" applyFill="1" applyAlignment="1">
      <alignment horizontal="left" vertical="center" wrapText="1"/>
    </xf>
    <xf numFmtId="9" fontId="120" fillId="34" borderId="12" xfId="678" applyNumberFormat="1" applyFont="1" applyFill="1" applyBorder="1" applyAlignment="1">
      <alignment horizontal="center" vertical="center" wrapText="1"/>
    </xf>
    <xf numFmtId="0" fontId="121" fillId="0" borderId="0" xfId="678" applyFont="1" applyAlignment="1">
      <alignment wrapText="1"/>
    </xf>
    <xf numFmtId="3" fontId="121" fillId="0" borderId="0" xfId="678" applyNumberFormat="1" applyFont="1" applyAlignment="1">
      <alignment wrapText="1"/>
    </xf>
    <xf numFmtId="0" fontId="121" fillId="0" borderId="12" xfId="678" applyFont="1" applyBorder="1" applyAlignment="1">
      <alignment wrapText="1"/>
    </xf>
    <xf numFmtId="3" fontId="121" fillId="0" borderId="12" xfId="678" applyNumberFormat="1" applyFont="1" applyBorder="1" applyAlignment="1">
      <alignment wrapText="1"/>
    </xf>
    <xf numFmtId="0" fontId="120" fillId="0" borderId="0" xfId="678" applyFont="1" applyAlignment="1">
      <alignment wrapText="1"/>
    </xf>
    <xf numFmtId="3" fontId="120" fillId="0" borderId="0" xfId="678" applyNumberFormat="1" applyFont="1" applyAlignment="1">
      <alignment wrapText="1"/>
    </xf>
    <xf numFmtId="0" fontId="121" fillId="0" borderId="12" xfId="151" applyFont="1" applyBorder="1" applyAlignment="1">
      <alignment horizontal="center" vertical="center"/>
    </xf>
    <xf numFmtId="0" fontId="120" fillId="34" borderId="38" xfId="678" applyFont="1" applyFill="1" applyBorder="1"/>
    <xf numFmtId="0" fontId="120" fillId="34" borderId="38" xfId="678" quotePrefix="1" applyFont="1" applyFill="1" applyBorder="1"/>
    <xf numFmtId="1" fontId="120" fillId="0" borderId="0" xfId="678" applyNumberFormat="1" applyFont="1" applyAlignment="1">
      <alignment wrapText="1"/>
    </xf>
    <xf numFmtId="1" fontId="121" fillId="0" borderId="0" xfId="678" applyNumberFormat="1" applyFont="1" applyAlignment="1">
      <alignment wrapText="1"/>
    </xf>
    <xf numFmtId="1" fontId="121" fillId="0" borderId="12" xfId="678" applyNumberFormat="1" applyFont="1" applyBorder="1" applyAlignment="1">
      <alignment wrapText="1"/>
    </xf>
    <xf numFmtId="0" fontId="121" fillId="0" borderId="12" xfId="309" applyFont="1" applyBorder="1" applyAlignment="1">
      <alignment horizontal="center" vertical="center"/>
    </xf>
    <xf numFmtId="0" fontId="121" fillId="34" borderId="0" xfId="0" applyFont="1" applyFill="1" applyAlignment="1">
      <alignment wrapText="1"/>
    </xf>
    <xf numFmtId="3" fontId="120" fillId="0" borderId="0" xfId="0" applyNumberFormat="1" applyFont="1" applyAlignment="1">
      <alignment wrapText="1"/>
    </xf>
    <xf numFmtId="0" fontId="121" fillId="0" borderId="0" xfId="0" applyFont="1" applyAlignment="1">
      <alignment wrapText="1"/>
    </xf>
    <xf numFmtId="0" fontId="121" fillId="34" borderId="12" xfId="0" applyFont="1" applyFill="1" applyBorder="1" applyAlignment="1">
      <alignment wrapText="1"/>
    </xf>
    <xf numFmtId="0" fontId="121" fillId="0" borderId="12" xfId="0" applyFont="1" applyBorder="1" applyAlignment="1">
      <alignment wrapText="1"/>
    </xf>
    <xf numFmtId="0" fontId="121" fillId="0" borderId="0" xfId="678" applyFont="1" applyAlignment="1">
      <alignment horizontal="center" vertical="center"/>
    </xf>
    <xf numFmtId="0" fontId="120" fillId="34" borderId="12" xfId="678" applyFont="1" applyFill="1" applyBorder="1" applyAlignment="1">
      <alignment horizontal="center"/>
    </xf>
    <xf numFmtId="3" fontId="120" fillId="0" borderId="0" xfId="678" applyNumberFormat="1" applyFont="1"/>
    <xf numFmtId="0" fontId="120" fillId="0" borderId="0" xfId="678" applyFont="1" applyAlignment="1">
      <alignment horizontal="center" vertical="center"/>
    </xf>
    <xf numFmtId="0" fontId="120" fillId="35" borderId="12" xfId="678" applyFont="1" applyFill="1" applyBorder="1" applyAlignment="1">
      <alignment horizontal="center"/>
    </xf>
    <xf numFmtId="0" fontId="120" fillId="34" borderId="42" xfId="678" applyFont="1" applyFill="1" applyBorder="1" applyAlignment="1">
      <alignment horizontal="left"/>
    </xf>
    <xf numFmtId="0" fontId="120" fillId="34" borderId="12" xfId="678" applyFont="1" applyFill="1" applyBorder="1" applyAlignment="1">
      <alignment horizontal="left"/>
    </xf>
    <xf numFmtId="0" fontId="120" fillId="0" borderId="12" xfId="678" applyFont="1" applyBorder="1" applyAlignment="1">
      <alignment wrapText="1"/>
    </xf>
    <xf numFmtId="0" fontId="90" fillId="0" borderId="0" xfId="367" applyFont="1" applyFill="1" applyAlignment="1">
      <alignment horizontal="center"/>
    </xf>
    <xf numFmtId="0" fontId="121" fillId="0" borderId="0" xfId="873" applyFont="1"/>
    <xf numFmtId="0" fontId="120" fillId="0" borderId="0" xfId="873" applyFont="1" applyAlignment="1">
      <alignment vertical="center"/>
    </xf>
    <xf numFmtId="0" fontId="121" fillId="0" borderId="0" xfId="873" applyFont="1" applyAlignment="1">
      <alignment vertical="center"/>
    </xf>
    <xf numFmtId="0" fontId="121" fillId="0" borderId="0" xfId="873" applyFont="1" applyAlignment="1">
      <alignment vertical="center" wrapText="1"/>
    </xf>
    <xf numFmtId="0" fontId="165" fillId="0" borderId="0" xfId="874" applyFont="1" applyAlignment="1">
      <alignment horizontal="center" vertical="center" wrapText="1"/>
    </xf>
    <xf numFmtId="0" fontId="120" fillId="0" borderId="0" xfId="873" applyFont="1"/>
    <xf numFmtId="49" fontId="120" fillId="34" borderId="4" xfId="875" applyNumberFormat="1" applyFont="1" applyFill="1" applyBorder="1" applyAlignment="1">
      <alignment horizontal="center" vertical="center" wrapText="1"/>
    </xf>
    <xf numFmtId="16" fontId="120" fillId="34" borderId="8" xfId="0" quotePrefix="1" applyNumberFormat="1" applyFont="1" applyFill="1" applyBorder="1" applyAlignment="1">
      <alignment horizontal="left" vertical="top" wrapText="1"/>
    </xf>
    <xf numFmtId="16" fontId="120" fillId="34" borderId="9" xfId="0" quotePrefix="1" applyNumberFormat="1" applyFont="1" applyFill="1" applyBorder="1" applyAlignment="1">
      <alignment horizontal="left" vertical="top" wrapText="1"/>
    </xf>
    <xf numFmtId="16" fontId="120" fillId="34" borderId="35" xfId="0" quotePrefix="1" applyNumberFormat="1" applyFont="1" applyFill="1" applyBorder="1" applyAlignment="1">
      <alignment horizontal="left" vertical="top"/>
    </xf>
    <xf numFmtId="16" fontId="120" fillId="34" borderId="36" xfId="0" quotePrefix="1" applyNumberFormat="1" applyFont="1" applyFill="1" applyBorder="1" applyAlignment="1">
      <alignment horizontal="left" vertical="top" wrapText="1"/>
    </xf>
    <xf numFmtId="0" fontId="120" fillId="0" borderId="0" xfId="876" applyFont="1" applyAlignment="1">
      <alignment horizontal="center" vertical="center"/>
    </xf>
    <xf numFmtId="0" fontId="120" fillId="0" borderId="0" xfId="874" applyFont="1" applyAlignment="1">
      <alignment vertical="center"/>
    </xf>
    <xf numFmtId="3" fontId="120" fillId="0" borderId="0" xfId="874" applyNumberFormat="1" applyFont="1" applyAlignment="1">
      <alignment horizontal="right" vertical="center" wrapText="1"/>
    </xf>
    <xf numFmtId="0" fontId="121" fillId="0" borderId="0" xfId="876" applyFont="1" applyAlignment="1">
      <alignment horizontal="center" vertical="center"/>
    </xf>
    <xf numFmtId="0" fontId="121" fillId="0" borderId="0" xfId="874" applyFont="1" applyAlignment="1">
      <alignment vertical="center"/>
    </xf>
    <xf numFmtId="3" fontId="121" fillId="0" borderId="0" xfId="874" applyNumberFormat="1" applyFont="1" applyAlignment="1">
      <alignment horizontal="right" vertical="center" wrapText="1"/>
    </xf>
    <xf numFmtId="0" fontId="164" fillId="0" borderId="0" xfId="873" applyFont="1"/>
    <xf numFmtId="0" fontId="164" fillId="0" borderId="0" xfId="876" applyFont="1" applyAlignment="1">
      <alignment horizontal="center" vertical="center"/>
    </xf>
    <xf numFmtId="0" fontId="164" fillId="0" borderId="0" xfId="874" applyFont="1" applyAlignment="1">
      <alignment vertical="center"/>
    </xf>
    <xf numFmtId="3" fontId="164" fillId="0" borderId="0" xfId="874" applyNumberFormat="1" applyFont="1" applyAlignment="1">
      <alignment horizontal="right" vertical="center" wrapText="1"/>
    </xf>
    <xf numFmtId="3" fontId="164" fillId="0" borderId="0" xfId="873" applyNumberFormat="1" applyFont="1" applyAlignment="1">
      <alignment horizontal="right" vertical="center"/>
    </xf>
    <xf numFmtId="0" fontId="121" fillId="0" borderId="0" xfId="873" applyFont="1" applyAlignment="1">
      <alignment horizontal="right" vertical="center"/>
    </xf>
    <xf numFmtId="0" fontId="121" fillId="0" borderId="0" xfId="873" applyFont="1" applyAlignment="1">
      <alignment horizontal="center" vertical="center"/>
    </xf>
    <xf numFmtId="0" fontId="120" fillId="0" borderId="0" xfId="874" applyFont="1" applyAlignment="1">
      <alignment horizontal="center" vertical="center" wrapText="1"/>
    </xf>
    <xf numFmtId="0" fontId="120" fillId="0" borderId="0" xfId="152" applyFont="1" applyAlignment="1">
      <alignment horizontal="left" vertical="center" wrapText="1"/>
    </xf>
    <xf numFmtId="3" fontId="120" fillId="0" borderId="0" xfId="877" applyNumberFormat="1" applyFont="1" applyAlignment="1">
      <alignment horizontal="right" vertical="center"/>
    </xf>
    <xf numFmtId="3" fontId="163" fillId="2" borderId="0" xfId="874" applyNumberFormat="1" applyFont="1" applyFill="1" applyAlignment="1">
      <alignment horizontal="right" vertical="center"/>
    </xf>
    <xf numFmtId="3" fontId="120" fillId="0" borderId="0" xfId="152" applyNumberFormat="1" applyFont="1" applyAlignment="1">
      <alignment horizontal="right" vertical="center"/>
    </xf>
    <xf numFmtId="0" fontId="121" fillId="0" borderId="0" xfId="874" applyFont="1" applyAlignment="1">
      <alignment horizontal="center" vertical="center" wrapText="1"/>
    </xf>
    <xf numFmtId="0" fontId="121" fillId="0" borderId="0" xfId="152" applyFont="1" applyAlignment="1">
      <alignment horizontal="left" vertical="center" wrapText="1"/>
    </xf>
    <xf numFmtId="3" fontId="164" fillId="2" borderId="0" xfId="874" applyNumberFormat="1" applyFont="1" applyFill="1" applyAlignment="1">
      <alignment horizontal="right" vertical="center"/>
    </xf>
    <xf numFmtId="3" fontId="121" fillId="0" borderId="0" xfId="152" applyNumberFormat="1" applyFont="1" applyAlignment="1">
      <alignment horizontal="right" vertical="center"/>
    </xf>
    <xf numFmtId="0" fontId="164" fillId="0" borderId="0" xfId="874" applyFont="1" applyAlignment="1">
      <alignment horizontal="center" vertical="center" wrapText="1"/>
    </xf>
    <xf numFmtId="0" fontId="164" fillId="0" borderId="0" xfId="152" applyFont="1" applyAlignment="1">
      <alignment horizontal="left" vertical="center" wrapText="1"/>
    </xf>
    <xf numFmtId="3" fontId="164" fillId="0" borderId="0" xfId="152" applyNumberFormat="1" applyFont="1" applyAlignment="1">
      <alignment horizontal="right" vertical="center"/>
    </xf>
    <xf numFmtId="0" fontId="120" fillId="0" borderId="0" xfId="877" applyFont="1"/>
    <xf numFmtId="0" fontId="121" fillId="0" borderId="0" xfId="152" applyFont="1"/>
    <xf numFmtId="0" fontId="120" fillId="34" borderId="39" xfId="152" applyFont="1" applyFill="1" applyBorder="1"/>
    <xf numFmtId="0" fontId="120" fillId="34" borderId="40" xfId="152" applyFont="1" applyFill="1" applyBorder="1" applyAlignment="1">
      <alignment horizontal="center" vertical="center" wrapText="1"/>
    </xf>
    <xf numFmtId="0" fontId="120" fillId="34" borderId="4" xfId="152" applyFont="1" applyFill="1" applyBorder="1" applyAlignment="1">
      <alignment horizontal="center" vertical="center" wrapText="1"/>
    </xf>
    <xf numFmtId="0" fontId="120" fillId="34" borderId="35" xfId="152" quotePrefix="1" applyFont="1" applyFill="1" applyBorder="1"/>
    <xf numFmtId="0" fontId="120" fillId="34" borderId="36" xfId="152" applyFont="1" applyFill="1" applyBorder="1" applyAlignment="1">
      <alignment horizontal="center" vertical="center" wrapText="1"/>
    </xf>
    <xf numFmtId="0" fontId="120" fillId="34" borderId="35" xfId="152" applyFont="1" applyFill="1" applyBorder="1" applyAlignment="1">
      <alignment horizontal="center" vertical="center" wrapText="1"/>
    </xf>
    <xf numFmtId="0" fontId="120" fillId="34" borderId="4" xfId="877" quotePrefix="1" applyFont="1" applyFill="1" applyBorder="1" applyAlignment="1">
      <alignment horizontal="center" vertical="center" wrapText="1"/>
    </xf>
    <xf numFmtId="3" fontId="120" fillId="0" borderId="0" xfId="152" applyNumberFormat="1" applyFont="1" applyAlignment="1">
      <alignment horizontal="right" vertical="center" wrapText="1"/>
    </xf>
    <xf numFmtId="3" fontId="121" fillId="0" borderId="0" xfId="152" applyNumberFormat="1" applyFont="1" applyAlignment="1">
      <alignment horizontal="right" vertical="center" wrapText="1"/>
    </xf>
    <xf numFmtId="3" fontId="121" fillId="2" borderId="0" xfId="874" applyNumberFormat="1" applyFont="1" applyFill="1" applyAlignment="1">
      <alignment horizontal="right" vertical="center" wrapText="1"/>
    </xf>
    <xf numFmtId="0" fontId="164" fillId="0" borderId="0" xfId="152" applyFont="1" applyAlignment="1">
      <alignment horizontal="left" vertical="center" wrapText="1" indent="1"/>
    </xf>
    <xf numFmtId="3" fontId="164" fillId="0" borderId="0" xfId="152" applyNumberFormat="1" applyFont="1" applyAlignment="1">
      <alignment horizontal="right" vertical="center" wrapText="1"/>
    </xf>
    <xf numFmtId="3" fontId="164" fillId="2" borderId="0" xfId="874" applyNumberFormat="1" applyFont="1" applyFill="1" applyAlignment="1">
      <alignment horizontal="right" vertical="center" wrapText="1"/>
    </xf>
    <xf numFmtId="0" fontId="121" fillId="0" borderId="0" xfId="873" applyFont="1" applyAlignment="1">
      <alignment horizontal="right" vertical="center" wrapText="1"/>
    </xf>
    <xf numFmtId="0" fontId="121" fillId="34" borderId="40" xfId="873" applyFont="1" applyFill="1" applyBorder="1"/>
    <xf numFmtId="0" fontId="121" fillId="34" borderId="9" xfId="873" applyFont="1" applyFill="1" applyBorder="1" applyAlignment="1">
      <alignment vertical="center" wrapText="1"/>
    </xf>
    <xf numFmtId="0" fontId="121" fillId="34" borderId="36" xfId="873" applyFont="1" applyFill="1" applyBorder="1" applyAlignment="1">
      <alignment vertical="center" wrapText="1"/>
    </xf>
    <xf numFmtId="0" fontId="120" fillId="34" borderId="4" xfId="873" applyFont="1" applyFill="1" applyBorder="1" applyAlignment="1">
      <alignment horizontal="center" vertical="center" wrapText="1"/>
    </xf>
    <xf numFmtId="0" fontId="121" fillId="0" borderId="0" xfId="873" applyFont="1" applyAlignment="1">
      <alignment horizontal="center" vertical="center" wrapText="1"/>
    </xf>
    <xf numFmtId="3" fontId="121" fillId="0" borderId="0" xfId="873" applyNumberFormat="1" applyFont="1" applyAlignment="1">
      <alignment vertical="center" wrapText="1"/>
    </xf>
    <xf numFmtId="0" fontId="164" fillId="0" borderId="0" xfId="873" applyFont="1" applyAlignment="1">
      <alignment horizontal="center" vertical="center" wrapText="1"/>
    </xf>
    <xf numFmtId="0" fontId="164" fillId="0" borderId="37" xfId="873" applyFont="1" applyBorder="1" applyAlignment="1">
      <alignment horizontal="center" vertical="center" wrapText="1"/>
    </xf>
    <xf numFmtId="3" fontId="121" fillId="0" borderId="37" xfId="873" applyNumberFormat="1" applyFont="1" applyBorder="1" applyAlignment="1">
      <alignment vertical="center" wrapText="1"/>
    </xf>
    <xf numFmtId="0" fontId="163" fillId="0" borderId="0" xfId="873" applyFont="1" applyAlignment="1">
      <alignment horizontal="center" vertical="center" wrapText="1"/>
    </xf>
    <xf numFmtId="3" fontId="120" fillId="0" borderId="0" xfId="873" applyNumberFormat="1" applyFont="1" applyAlignment="1">
      <alignment vertical="center" wrapText="1"/>
    </xf>
    <xf numFmtId="0" fontId="141" fillId="0" borderId="0" xfId="309" applyFont="1" applyFill="1" applyAlignment="1">
      <alignment horizontal="center" vertical="center"/>
    </xf>
    <xf numFmtId="0" fontId="93" fillId="0" borderId="0" xfId="309" applyFont="1" applyFill="1" applyBorder="1" applyAlignment="1">
      <alignment horizontal="left"/>
    </xf>
    <xf numFmtId="3" fontId="121" fillId="0" borderId="0" xfId="309" applyNumberFormat="1" applyFont="1" applyFill="1"/>
    <xf numFmtId="0" fontId="163" fillId="0" borderId="0" xfId="309" applyFont="1" applyFill="1"/>
    <xf numFmtId="0" fontId="93" fillId="0" borderId="0" xfId="309" applyFont="1" applyFill="1" applyAlignment="1">
      <alignment horizontal="left"/>
    </xf>
    <xf numFmtId="3" fontId="121" fillId="0" borderId="0" xfId="678" applyNumberFormat="1" applyFont="1" applyFill="1"/>
    <xf numFmtId="0" fontId="121" fillId="0" borderId="0" xfId="678" applyFont="1" applyFill="1"/>
    <xf numFmtId="0" fontId="121" fillId="0" borderId="12" xfId="678" applyFont="1" applyFill="1" applyBorder="1"/>
    <xf numFmtId="3" fontId="120" fillId="0" borderId="0" xfId="678" applyNumberFormat="1" applyFont="1" applyFill="1"/>
    <xf numFmtId="3" fontId="121" fillId="0" borderId="12" xfId="678" applyNumberFormat="1" applyFont="1" applyFill="1" applyBorder="1"/>
    <xf numFmtId="3" fontId="118" fillId="0" borderId="0" xfId="0" applyNumberFormat="1" applyFont="1" applyAlignment="1">
      <alignment horizontal="center" vertical="center"/>
    </xf>
    <xf numFmtId="0" fontId="13" fillId="0" borderId="0" xfId="678" applyFont="1"/>
    <xf numFmtId="14" fontId="101" fillId="0" borderId="0" xfId="151" applyNumberFormat="1" applyFont="1"/>
    <xf numFmtId="14" fontId="102" fillId="0" borderId="0" xfId="151" applyNumberFormat="1" applyFont="1" applyAlignment="1">
      <alignment horizontal="center" vertical="center"/>
    </xf>
    <xf numFmtId="0" fontId="91" fillId="34" borderId="39" xfId="589" applyFont="1" applyFill="1" applyBorder="1"/>
    <xf numFmtId="0" fontId="13" fillId="0" borderId="8" xfId="589" applyFont="1" applyBorder="1"/>
    <xf numFmtId="1" fontId="13" fillId="0" borderId="41" xfId="589" applyNumberFormat="1" applyFont="1" applyBorder="1"/>
    <xf numFmtId="1" fontId="13" fillId="0" borderId="34" xfId="589" applyNumberFormat="1" applyFont="1" applyBorder="1"/>
    <xf numFmtId="0" fontId="13" fillId="0" borderId="34" xfId="589" applyFont="1" applyBorder="1"/>
    <xf numFmtId="0" fontId="13" fillId="0" borderId="6" xfId="589" applyFont="1" applyBorder="1"/>
    <xf numFmtId="0" fontId="13" fillId="0" borderId="3" xfId="589" applyFont="1" applyBorder="1"/>
    <xf numFmtId="1" fontId="13" fillId="0" borderId="41" xfId="589" applyNumberFormat="1" applyFont="1" applyFill="1" applyBorder="1"/>
    <xf numFmtId="0" fontId="91" fillId="0" borderId="0" xfId="151" applyFont="1" applyFill="1" applyAlignment="1">
      <alignment horizontal="left"/>
    </xf>
    <xf numFmtId="174" fontId="90" fillId="0" borderId="0" xfId="822" applyNumberFormat="1" applyFont="1" applyFill="1" applyAlignment="1">
      <alignment horizontal="right" vertical="center"/>
    </xf>
    <xf numFmtId="174" fontId="90" fillId="0" borderId="0" xfId="822" applyNumberFormat="1" applyFont="1" applyFill="1" applyBorder="1" applyAlignment="1">
      <alignment horizontal="right" wrapText="1"/>
    </xf>
    <xf numFmtId="174" fontId="121" fillId="0" borderId="0" xfId="822" applyNumberFormat="1" applyFont="1" applyFill="1" applyAlignment="1">
      <alignment horizontal="right" vertical="center"/>
    </xf>
    <xf numFmtId="9" fontId="121" fillId="0" borderId="0" xfId="822" applyFont="1" applyFill="1" applyAlignment="1">
      <alignment horizontal="right" vertical="center"/>
    </xf>
    <xf numFmtId="9" fontId="121" fillId="0" borderId="0" xfId="822" applyFont="1" applyFill="1" applyBorder="1" applyAlignment="1">
      <alignment wrapText="1"/>
    </xf>
    <xf numFmtId="0" fontId="121" fillId="0" borderId="0" xfId="873" applyFont="1" applyFill="1"/>
    <xf numFmtId="9" fontId="91" fillId="34" borderId="12" xfId="309" applyNumberFormat="1" applyFont="1" applyFill="1" applyBorder="1" applyAlignment="1">
      <alignment horizontal="center" vertical="center" wrapText="1"/>
    </xf>
    <xf numFmtId="0" fontId="140" fillId="0" borderId="0" xfId="151" applyFont="1" applyFill="1"/>
    <xf numFmtId="0" fontId="169" fillId="0" borderId="0" xfId="151" applyFont="1" applyFill="1"/>
    <xf numFmtId="3" fontId="169" fillId="0" borderId="0" xfId="151" applyNumberFormat="1" applyFont="1" applyFill="1" applyAlignment="1">
      <alignment wrapText="1"/>
    </xf>
    <xf numFmtId="173" fontId="169" fillId="0" borderId="0" xfId="151" applyNumberFormat="1" applyFont="1" applyFill="1" applyAlignment="1">
      <alignment wrapText="1"/>
    </xf>
    <xf numFmtId="173" fontId="169" fillId="0" borderId="0" xfId="161" applyNumberFormat="1" applyFont="1" applyFill="1" applyBorder="1" applyAlignment="1">
      <alignment wrapText="1"/>
    </xf>
    <xf numFmtId="0" fontId="169" fillId="0" borderId="0" xfId="151" applyFont="1" applyFill="1" applyAlignment="1">
      <alignment wrapText="1"/>
    </xf>
    <xf numFmtId="0" fontId="169" fillId="0" borderId="12" xfId="151" applyFont="1" applyFill="1" applyBorder="1" applyAlignment="1">
      <alignment wrapText="1"/>
    </xf>
    <xf numFmtId="3" fontId="169" fillId="0" borderId="12" xfId="151" applyNumberFormat="1" applyFont="1" applyFill="1" applyBorder="1" applyAlignment="1">
      <alignment wrapText="1"/>
    </xf>
    <xf numFmtId="173" fontId="169" fillId="0" borderId="12" xfId="151" applyNumberFormat="1" applyFont="1" applyFill="1" applyBorder="1" applyAlignment="1">
      <alignment wrapText="1"/>
    </xf>
    <xf numFmtId="173" fontId="169" fillId="0" borderId="12" xfId="686" applyNumberFormat="1" applyFont="1" applyFill="1" applyBorder="1" applyAlignment="1">
      <alignment wrapText="1"/>
    </xf>
    <xf numFmtId="0" fontId="140" fillId="0" borderId="0" xfId="151" applyFont="1" applyFill="1" applyAlignment="1">
      <alignment wrapText="1"/>
    </xf>
    <xf numFmtId="3" fontId="140" fillId="0" borderId="0" xfId="151" applyNumberFormat="1" applyFont="1" applyFill="1" applyAlignment="1">
      <alignment wrapText="1"/>
    </xf>
    <xf numFmtId="173" fontId="140" fillId="0" borderId="0" xfId="151" applyNumberFormat="1" applyFont="1" applyFill="1" applyAlignment="1">
      <alignment wrapText="1"/>
    </xf>
    <xf numFmtId="173" fontId="140" fillId="0" borderId="0" xfId="161" applyNumberFormat="1" applyFont="1" applyFill="1" applyBorder="1" applyAlignment="1">
      <alignment wrapText="1"/>
    </xf>
    <xf numFmtId="3" fontId="169" fillId="0" borderId="0" xfId="151" applyNumberFormat="1" applyFont="1" applyFill="1"/>
    <xf numFmtId="0" fontId="169" fillId="0" borderId="0" xfId="151" applyFont="1" applyFill="1" applyAlignment="1">
      <alignment horizontal="center"/>
    </xf>
    <xf numFmtId="173" fontId="169" fillId="0" borderId="0" xfId="151" applyNumberFormat="1" applyFont="1" applyFill="1"/>
    <xf numFmtId="173" fontId="169" fillId="0" borderId="0" xfId="161" applyNumberFormat="1" applyFont="1" applyFill="1" applyBorder="1"/>
    <xf numFmtId="173" fontId="169" fillId="0" borderId="12" xfId="161" applyNumberFormat="1" applyFont="1" applyFill="1" applyBorder="1" applyAlignment="1">
      <alignment wrapText="1"/>
    </xf>
    <xf numFmtId="173" fontId="169" fillId="0" borderId="0" xfId="686" applyNumberFormat="1" applyFont="1" applyFill="1" applyBorder="1" applyAlignment="1">
      <alignment horizontal="right" wrapText="1"/>
    </xf>
    <xf numFmtId="173" fontId="169" fillId="0" borderId="12" xfId="686" applyNumberFormat="1" applyFont="1" applyFill="1" applyBorder="1" applyAlignment="1">
      <alignment horizontal="right" wrapText="1"/>
    </xf>
    <xf numFmtId="173" fontId="140" fillId="0" borderId="0" xfId="686" applyNumberFormat="1" applyFont="1" applyFill="1" applyBorder="1" applyAlignment="1">
      <alignment horizontal="right" wrapText="1"/>
    </xf>
    <xf numFmtId="173" fontId="169" fillId="0" borderId="0" xfId="588" applyNumberFormat="1" applyFont="1" applyFill="1" applyBorder="1" applyAlignment="1">
      <alignment horizontal="right"/>
    </xf>
    <xf numFmtId="0" fontId="169" fillId="0" borderId="0" xfId="1" applyFont="1" applyFill="1"/>
    <xf numFmtId="0" fontId="169" fillId="0" borderId="12" xfId="151" applyFont="1" applyFill="1" applyBorder="1"/>
    <xf numFmtId="173" fontId="169" fillId="0" borderId="12" xfId="588" applyNumberFormat="1" applyFont="1" applyFill="1" applyBorder="1" applyAlignment="1">
      <alignment horizontal="right"/>
    </xf>
    <xf numFmtId="3" fontId="169" fillId="0" borderId="0" xfId="151" quotePrefix="1" applyNumberFormat="1" applyFont="1" applyFill="1"/>
    <xf numFmtId="0" fontId="140" fillId="0" borderId="42" xfId="151" applyFont="1" applyFill="1" applyBorder="1" applyAlignment="1">
      <alignment wrapText="1"/>
    </xf>
    <xf numFmtId="3" fontId="140" fillId="0" borderId="42" xfId="151" applyNumberFormat="1" applyFont="1" applyFill="1" applyBorder="1" applyAlignment="1">
      <alignment wrapText="1"/>
    </xf>
    <xf numFmtId="173" fontId="140" fillId="0" borderId="42" xfId="151" applyNumberFormat="1" applyFont="1" applyFill="1" applyBorder="1" applyAlignment="1">
      <alignment wrapText="1"/>
    </xf>
    <xf numFmtId="173" fontId="169" fillId="0" borderId="0" xfId="161" applyNumberFormat="1" applyFont="1" applyFill="1"/>
    <xf numFmtId="3" fontId="169" fillId="0" borderId="0" xfId="151" applyNumberFormat="1" applyFont="1" applyFill="1" applyAlignment="1">
      <alignment horizontal="center" vertical="center"/>
    </xf>
    <xf numFmtId="173" fontId="169" fillId="0" borderId="0" xfId="151" applyNumberFormat="1" applyFont="1" applyFill="1" applyAlignment="1">
      <alignment horizontal="center" vertical="center"/>
    </xf>
    <xf numFmtId="173" fontId="169" fillId="0" borderId="0" xfId="161" applyNumberFormat="1" applyFont="1" applyFill="1" applyAlignment="1">
      <alignment horizontal="center" vertical="center"/>
    </xf>
    <xf numFmtId="0" fontId="169" fillId="0" borderId="0" xfId="151" applyFont="1" applyFill="1" applyAlignment="1">
      <alignment horizontal="center" vertical="center"/>
    </xf>
    <xf numFmtId="1" fontId="90" fillId="0" borderId="0" xfId="367" applyNumberFormat="1" applyFont="1" applyFill="1" applyBorder="1" applyAlignment="1">
      <alignment wrapText="1"/>
    </xf>
    <xf numFmtId="1" fontId="90" fillId="0" borderId="12" xfId="367" applyNumberFormat="1" applyFont="1" applyFill="1" applyBorder="1" applyAlignment="1">
      <alignment wrapText="1"/>
    </xf>
    <xf numFmtId="174" fontId="13" fillId="0" borderId="0" xfId="172" applyNumberFormat="1" applyFont="1" applyFill="1" applyAlignment="1">
      <alignment horizontal="right"/>
    </xf>
    <xf numFmtId="174" fontId="121" fillId="0" borderId="0" xfId="172" applyNumberFormat="1" applyFont="1" applyFill="1" applyAlignment="1">
      <alignment horizontal="right"/>
    </xf>
    <xf numFmtId="10" fontId="121" fillId="0" borderId="0" xfId="172" applyNumberFormat="1" applyFont="1" applyFill="1" applyAlignment="1">
      <alignment horizontal="right"/>
    </xf>
    <xf numFmtId="0" fontId="121" fillId="0" borderId="0" xfId="873" applyFont="1"/>
    <xf numFmtId="0" fontId="139" fillId="0" borderId="0" xfId="309" applyFont="1" applyFill="1"/>
    <xf numFmtId="3" fontId="152" fillId="0" borderId="0" xfId="865" applyNumberFormat="1" applyFont="1" applyFill="1" applyBorder="1" applyAlignment="1">
      <alignment vertical="center" wrapText="1"/>
    </xf>
    <xf numFmtId="3" fontId="152" fillId="0" borderId="0" xfId="865" applyNumberFormat="1" applyFont="1" applyFill="1" applyBorder="1" applyAlignment="1">
      <alignment vertical="center"/>
    </xf>
    <xf numFmtId="3" fontId="152" fillId="0" borderId="37" xfId="865" applyNumberFormat="1" applyFont="1" applyFill="1" applyBorder="1" applyAlignment="1">
      <alignment vertical="center" wrapText="1"/>
    </xf>
    <xf numFmtId="3" fontId="152" fillId="0" borderId="37" xfId="865" applyNumberFormat="1" applyFont="1" applyFill="1" applyBorder="1" applyAlignment="1">
      <alignment vertical="center"/>
    </xf>
    <xf numFmtId="3" fontId="157" fillId="0" borderId="0" xfId="865" applyNumberFormat="1" applyFont="1" applyFill="1" applyBorder="1" applyAlignment="1">
      <alignment vertical="center" wrapText="1"/>
    </xf>
    <xf numFmtId="3" fontId="121" fillId="0" borderId="0" xfId="865" applyNumberFormat="1" applyFont="1" applyFill="1" applyAlignment="1">
      <alignment horizontal="right" vertical="center" wrapText="1"/>
    </xf>
    <xf numFmtId="3" fontId="164" fillId="0" borderId="0" xfId="865" applyNumberFormat="1" applyFont="1" applyFill="1" applyAlignment="1">
      <alignment horizontal="right" vertical="center" wrapText="1" indent="1"/>
    </xf>
    <xf numFmtId="3" fontId="164" fillId="0" borderId="0" xfId="865" applyNumberFormat="1" applyFont="1" applyFill="1" applyAlignment="1">
      <alignment horizontal="right" vertical="center" wrapText="1"/>
    </xf>
    <xf numFmtId="3" fontId="164" fillId="0" borderId="12" xfId="865" applyNumberFormat="1" applyFont="1" applyFill="1" applyBorder="1" applyAlignment="1">
      <alignment horizontal="right" vertical="center" wrapText="1"/>
    </xf>
    <xf numFmtId="3" fontId="120" fillId="0" borderId="0" xfId="865" applyNumberFormat="1" applyFont="1" applyFill="1" applyAlignment="1">
      <alignment horizontal="right" vertical="center" wrapText="1"/>
    </xf>
    <xf numFmtId="0" fontId="120" fillId="0" borderId="0" xfId="873" applyFont="1" applyFill="1" applyAlignment="1">
      <alignment vertical="center"/>
    </xf>
    <xf numFmtId="3" fontId="121" fillId="0" borderId="0" xfId="0" applyNumberFormat="1" applyFont="1" applyFill="1"/>
    <xf numFmtId="3" fontId="164" fillId="0" borderId="12" xfId="0" applyNumberFormat="1" applyFont="1" applyFill="1" applyBorder="1"/>
    <xf numFmtId="3" fontId="120" fillId="0" borderId="0" xfId="0" applyNumberFormat="1" applyFont="1" applyFill="1"/>
    <xf numFmtId="3" fontId="121" fillId="0" borderId="12" xfId="0" applyNumberFormat="1" applyFont="1" applyFill="1" applyBorder="1"/>
    <xf numFmtId="3" fontId="120" fillId="0" borderId="38" xfId="0" applyNumberFormat="1" applyFont="1" applyFill="1" applyBorder="1"/>
    <xf numFmtId="3" fontId="93" fillId="0" borderId="0" xfId="309" applyNumberFormat="1" applyFont="1" applyFill="1" applyBorder="1" applyAlignment="1">
      <alignment wrapText="1"/>
    </xf>
    <xf numFmtId="173" fontId="90" fillId="0" borderId="0" xfId="151" applyNumberFormat="1" applyFont="1" applyFill="1" applyBorder="1" applyAlignment="1">
      <alignment wrapText="1"/>
    </xf>
    <xf numFmtId="173" fontId="121" fillId="0" borderId="0" xfId="151" applyNumberFormat="1" applyFont="1" applyFill="1" applyAlignment="1">
      <alignment wrapText="1"/>
    </xf>
    <xf numFmtId="9" fontId="93" fillId="35" borderId="12" xfId="367" applyNumberFormat="1" applyFont="1" applyFill="1" applyBorder="1" applyAlignment="1">
      <alignment horizontal="center" vertical="center" wrapText="1"/>
    </xf>
    <xf numFmtId="0" fontId="13" fillId="0" borderId="0" xfId="367" applyFont="1" applyFill="1" applyBorder="1" applyAlignment="1">
      <alignment wrapText="1"/>
    </xf>
    <xf numFmtId="3" fontId="13" fillId="0" borderId="0" xfId="151" applyNumberFormat="1" applyFont="1" applyAlignment="1">
      <alignment wrapText="1"/>
    </xf>
    <xf numFmtId="3" fontId="93" fillId="0" borderId="42" xfId="151" applyNumberFormat="1" applyFont="1" applyBorder="1" applyAlignment="1">
      <alignment wrapText="1"/>
    </xf>
    <xf numFmtId="0" fontId="144" fillId="0" borderId="0" xfId="0" applyFont="1" applyFill="1" applyAlignment="1">
      <alignment horizontal="left"/>
    </xf>
    <xf numFmtId="16" fontId="120" fillId="35" borderId="35" xfId="0" quotePrefix="1" applyNumberFormat="1" applyFont="1" applyFill="1" applyBorder="1" applyAlignment="1">
      <alignment horizontal="left" vertical="top"/>
    </xf>
    <xf numFmtId="16" fontId="120" fillId="35" borderId="36" xfId="0" quotePrefix="1" applyNumberFormat="1" applyFont="1" applyFill="1" applyBorder="1" applyAlignment="1">
      <alignment horizontal="left" vertical="top" wrapText="1"/>
    </xf>
    <xf numFmtId="3" fontId="120" fillId="0" borderId="0" xfId="152" applyNumberFormat="1" applyFont="1" applyFill="1" applyAlignment="1">
      <alignment horizontal="right" vertical="center" wrapText="1"/>
    </xf>
    <xf numFmtId="3" fontId="121" fillId="0" borderId="0" xfId="152" applyNumberFormat="1" applyFont="1" applyFill="1" applyAlignment="1">
      <alignment horizontal="right" vertical="center" wrapText="1"/>
    </xf>
    <xf numFmtId="3" fontId="164" fillId="0" borderId="0" xfId="152" applyNumberFormat="1" applyFont="1" applyFill="1" applyAlignment="1">
      <alignment horizontal="right" vertical="center" wrapText="1"/>
    </xf>
    <xf numFmtId="0" fontId="170" fillId="0" borderId="0" xfId="0" applyFont="1" applyFill="1"/>
    <xf numFmtId="3" fontId="164" fillId="0" borderId="0" xfId="0" applyNumberFormat="1" applyFont="1" applyFill="1"/>
    <xf numFmtId="0" fontId="121" fillId="0" borderId="12" xfId="0" applyFont="1" applyFill="1" applyBorder="1"/>
    <xf numFmtId="3" fontId="13" fillId="0" borderId="0" xfId="151" applyNumberFormat="1" applyFont="1" applyFill="1" applyAlignment="1">
      <alignment wrapText="1"/>
    </xf>
    <xf numFmtId="0" fontId="93" fillId="36" borderId="0" xfId="0" applyFont="1" applyFill="1" applyBorder="1"/>
    <xf numFmtId="3" fontId="90" fillId="0" borderId="0" xfId="151" applyNumberFormat="1" applyFont="1" applyFill="1" applyBorder="1" applyAlignment="1"/>
    <xf numFmtId="3" fontId="161" fillId="0" borderId="0" xfId="151" applyNumberFormat="1" applyFont="1" applyFill="1" applyBorder="1" applyAlignment="1"/>
    <xf numFmtId="3" fontId="163" fillId="0" borderId="0" xfId="0" applyNumberFormat="1" applyFont="1" applyFill="1"/>
    <xf numFmtId="3" fontId="163" fillId="0" borderId="12" xfId="0" applyNumberFormat="1" applyFont="1" applyFill="1" applyBorder="1"/>
    <xf numFmtId="3" fontId="120" fillId="0" borderId="12" xfId="0" applyNumberFormat="1" applyFont="1" applyFill="1" applyBorder="1"/>
    <xf numFmtId="3" fontId="115" fillId="0" borderId="12" xfId="0" applyNumberFormat="1" applyFont="1" applyFill="1" applyBorder="1"/>
    <xf numFmtId="3" fontId="93" fillId="0" borderId="0" xfId="0" applyNumberFormat="1" applyFont="1"/>
    <xf numFmtId="0" fontId="131" fillId="0" borderId="0" xfId="865" applyFont="1" applyBorder="1"/>
    <xf numFmtId="0" fontId="131" fillId="0" borderId="0" xfId="865" applyFont="1" applyFill="1" applyBorder="1" applyAlignment="1">
      <alignment vertical="center" wrapText="1"/>
    </xf>
    <xf numFmtId="3" fontId="164" fillId="0" borderId="0" xfId="865" applyNumberFormat="1" applyFont="1" applyAlignment="1">
      <alignment vertical="center" wrapText="1"/>
    </xf>
    <xf numFmtId="3" fontId="164" fillId="0" borderId="0" xfId="865" applyNumberFormat="1" applyFont="1" applyAlignment="1">
      <alignment vertical="center"/>
    </xf>
    <xf numFmtId="3" fontId="137" fillId="0" borderId="0" xfId="865" applyNumberFormat="1" applyFont="1" applyFill="1" applyBorder="1" applyAlignment="1">
      <alignment vertical="center" wrapText="1"/>
    </xf>
    <xf numFmtId="3" fontId="137" fillId="0" borderId="0" xfId="865" applyNumberFormat="1" applyFont="1" applyFill="1" applyBorder="1" applyAlignment="1">
      <alignment vertical="center"/>
    </xf>
    <xf numFmtId="3" fontId="172" fillId="0" borderId="0" xfId="865" applyNumberFormat="1" applyFont="1" applyFill="1" applyBorder="1" applyAlignment="1">
      <alignment vertical="center" wrapText="1"/>
    </xf>
    <xf numFmtId="3" fontId="172" fillId="0" borderId="37" xfId="865" applyNumberFormat="1" applyFont="1" applyFill="1" applyBorder="1" applyAlignment="1">
      <alignment vertical="center" wrapText="1"/>
    </xf>
    <xf numFmtId="3" fontId="164" fillId="0" borderId="12" xfId="865" applyNumberFormat="1" applyFont="1" applyBorder="1" applyAlignment="1">
      <alignment vertical="center" wrapText="1"/>
    </xf>
    <xf numFmtId="3" fontId="133" fillId="0" borderId="0" xfId="865" applyNumberFormat="1" applyFont="1" applyFill="1" applyBorder="1" applyAlignment="1">
      <alignment vertical="center" wrapText="1"/>
    </xf>
    <xf numFmtId="3" fontId="133" fillId="0" borderId="37" xfId="865" applyNumberFormat="1" applyFont="1" applyFill="1" applyBorder="1" applyAlignment="1">
      <alignment vertical="center" wrapText="1"/>
    </xf>
    <xf numFmtId="0" fontId="90" fillId="0" borderId="0" xfId="309" applyFont="1" applyFill="1" applyBorder="1" applyAlignment="1">
      <alignment horizontal="center"/>
    </xf>
    <xf numFmtId="0" fontId="93" fillId="0" borderId="0" xfId="309" applyFont="1" applyBorder="1"/>
    <xf numFmtId="0" fontId="90" fillId="0" borderId="0" xfId="309" applyFont="1" applyBorder="1" applyAlignment="1">
      <alignment horizontal="center"/>
    </xf>
    <xf numFmtId="0" fontId="90" fillId="0" borderId="0" xfId="309" applyFont="1" applyBorder="1"/>
    <xf numFmtId="0" fontId="107" fillId="0" borderId="0" xfId="0" applyFont="1" applyAlignment="1">
      <alignment horizontal="center" vertical="center"/>
    </xf>
    <xf numFmtId="0" fontId="93" fillId="34" borderId="0" xfId="0" quotePrefix="1" applyFont="1" applyFill="1" applyBorder="1" applyAlignment="1">
      <alignment horizontal="left" vertical="center" wrapText="1"/>
    </xf>
    <xf numFmtId="0" fontId="93" fillId="34" borderId="0" xfId="0" applyFont="1" applyFill="1" applyBorder="1" applyAlignment="1">
      <alignment horizontal="center" vertical="center" wrapText="1"/>
    </xf>
    <xf numFmtId="0" fontId="93" fillId="34" borderId="12" xfId="0" applyFont="1" applyFill="1" applyBorder="1" applyAlignment="1">
      <alignment horizontal="center" vertical="center" wrapText="1"/>
    </xf>
    <xf numFmtId="0" fontId="93" fillId="34" borderId="0" xfId="0" quotePrefix="1" applyFont="1" applyFill="1" applyBorder="1" applyAlignment="1">
      <alignment horizontal="left" wrapText="1"/>
    </xf>
    <xf numFmtId="0" fontId="93" fillId="34" borderId="12" xfId="0" applyFont="1" applyFill="1" applyBorder="1" applyAlignment="1">
      <alignment horizontal="left" wrapText="1"/>
    </xf>
    <xf numFmtId="0" fontId="93" fillId="35" borderId="11" xfId="0" quotePrefix="1" applyFont="1" applyFill="1" applyBorder="1" applyAlignment="1">
      <alignment horizontal="left" wrapText="1"/>
    </xf>
    <xf numFmtId="0" fontId="93" fillId="34" borderId="11" xfId="0" applyFont="1" applyFill="1" applyBorder="1" applyAlignment="1">
      <alignment horizontal="center" vertical="center" wrapText="1"/>
    </xf>
    <xf numFmtId="0" fontId="93" fillId="34" borderId="11" xfId="0" quotePrefix="1" applyFont="1" applyFill="1" applyBorder="1" applyAlignment="1">
      <alignment horizontal="left" wrapText="1"/>
    </xf>
    <xf numFmtId="0" fontId="93" fillId="35" borderId="11" xfId="0" applyFont="1" applyFill="1" applyBorder="1" applyAlignment="1">
      <alignment horizontal="center" vertical="center" wrapText="1"/>
    </xf>
    <xf numFmtId="0" fontId="93" fillId="35" borderId="12" xfId="0" applyFont="1" applyFill="1" applyBorder="1" applyAlignment="1">
      <alignment horizontal="center" vertical="center" wrapText="1"/>
    </xf>
    <xf numFmtId="0" fontId="93" fillId="34" borderId="12" xfId="0" quotePrefix="1" applyFont="1" applyFill="1" applyBorder="1" applyAlignment="1">
      <alignment horizontal="left" wrapText="1"/>
    </xf>
    <xf numFmtId="0" fontId="93" fillId="35" borderId="0" xfId="0" applyFont="1" applyFill="1" applyBorder="1" applyAlignment="1">
      <alignment horizontal="center" vertical="center" wrapText="1"/>
    </xf>
    <xf numFmtId="0" fontId="93" fillId="35" borderId="0" xfId="0" quotePrefix="1" applyFont="1" applyFill="1" applyBorder="1" applyAlignment="1">
      <alignment horizontal="left" wrapText="1"/>
    </xf>
    <xf numFmtId="0" fontId="93" fillId="35" borderId="12" xfId="0" quotePrefix="1" applyFont="1" applyFill="1" applyBorder="1" applyAlignment="1">
      <alignment horizontal="left" wrapText="1"/>
    </xf>
    <xf numFmtId="16" fontId="93" fillId="34" borderId="39" xfId="0" quotePrefix="1" applyNumberFormat="1" applyFont="1" applyFill="1" applyBorder="1" applyAlignment="1">
      <alignment horizontal="left" vertical="top" wrapText="1"/>
    </xf>
    <xf numFmtId="16" fontId="93" fillId="34" borderId="40" xfId="0" quotePrefix="1" applyNumberFormat="1" applyFont="1" applyFill="1" applyBorder="1" applyAlignment="1">
      <alignment horizontal="left" vertical="top" wrapText="1"/>
    </xf>
    <xf numFmtId="0" fontId="150" fillId="34" borderId="10" xfId="0" applyFont="1" applyFill="1" applyBorder="1" applyAlignment="1">
      <alignment horizontal="center" vertical="center" wrapText="1"/>
    </xf>
    <xf numFmtId="0" fontId="150" fillId="34" borderId="38" xfId="0" applyFont="1" applyFill="1" applyBorder="1" applyAlignment="1">
      <alignment horizontal="center" vertical="center" wrapText="1"/>
    </xf>
    <xf numFmtId="0" fontId="150" fillId="34" borderId="1" xfId="0" applyFont="1" applyFill="1" applyBorder="1" applyAlignment="1">
      <alignment horizontal="center" vertical="center" wrapText="1"/>
    </xf>
    <xf numFmtId="0" fontId="150" fillId="34" borderId="39" xfId="0" applyFont="1" applyFill="1" applyBorder="1" applyAlignment="1">
      <alignment horizontal="center" vertical="center" wrapText="1"/>
    </xf>
    <xf numFmtId="0" fontId="150" fillId="34" borderId="40" xfId="0" applyFont="1" applyFill="1" applyBorder="1" applyAlignment="1">
      <alignment horizontal="center" vertical="center" wrapText="1"/>
    </xf>
    <xf numFmtId="0" fontId="93" fillId="34" borderId="8" xfId="0" quotePrefix="1" applyFont="1" applyFill="1" applyBorder="1" applyAlignment="1">
      <alignment horizontal="left" wrapText="1"/>
    </xf>
    <xf numFmtId="0" fontId="93" fillId="34" borderId="9" xfId="0" quotePrefix="1" applyFont="1" applyFill="1" applyBorder="1" applyAlignment="1">
      <alignment horizontal="left" wrapText="1"/>
    </xf>
    <xf numFmtId="0" fontId="93" fillId="34" borderId="35" xfId="0" quotePrefix="1" applyFont="1" applyFill="1" applyBorder="1" applyAlignment="1">
      <alignment horizontal="left" wrapText="1"/>
    </xf>
    <xf numFmtId="0" fontId="93" fillId="34" borderId="36" xfId="0" quotePrefix="1" applyFont="1" applyFill="1" applyBorder="1" applyAlignment="1">
      <alignment horizontal="left" wrapText="1"/>
    </xf>
    <xf numFmtId="0" fontId="150" fillId="34" borderId="35" xfId="0" applyFont="1" applyFill="1" applyBorder="1" applyAlignment="1">
      <alignment horizontal="center" vertical="center" wrapText="1"/>
    </xf>
    <xf numFmtId="0" fontId="150" fillId="34" borderId="42" xfId="0" applyFont="1" applyFill="1" applyBorder="1" applyAlignment="1">
      <alignment horizontal="center" vertical="center" wrapText="1"/>
    </xf>
    <xf numFmtId="0" fontId="150" fillId="34" borderId="41" xfId="0" applyFont="1" applyFill="1" applyBorder="1" applyAlignment="1">
      <alignment horizontal="center" vertical="center" wrapText="1"/>
    </xf>
    <xf numFmtId="0" fontId="150" fillId="34" borderId="3" xfId="0" applyFont="1" applyFill="1" applyBorder="1" applyAlignment="1">
      <alignment horizontal="center" vertical="center" wrapText="1"/>
    </xf>
    <xf numFmtId="0" fontId="150" fillId="34" borderId="8" xfId="0" applyFont="1" applyFill="1" applyBorder="1" applyAlignment="1">
      <alignment horizontal="center" vertical="center" wrapText="1"/>
    </xf>
    <xf numFmtId="16" fontId="119" fillId="34" borderId="39" xfId="0" quotePrefix="1" applyNumberFormat="1" applyFont="1" applyFill="1" applyBorder="1" applyAlignment="1">
      <alignment horizontal="left" vertical="top" wrapText="1"/>
    </xf>
    <xf numFmtId="16" fontId="119" fillId="34" borderId="40" xfId="0" quotePrefix="1" applyNumberFormat="1" applyFont="1" applyFill="1" applyBorder="1" applyAlignment="1">
      <alignment horizontal="left" vertical="top" wrapText="1"/>
    </xf>
    <xf numFmtId="0" fontId="154" fillId="34" borderId="10" xfId="865" applyFont="1" applyFill="1" applyBorder="1" applyAlignment="1">
      <alignment horizontal="center" vertical="center" wrapText="1"/>
    </xf>
    <xf numFmtId="0" fontId="154" fillId="34" borderId="38" xfId="865" applyFont="1" applyFill="1" applyBorder="1" applyAlignment="1">
      <alignment horizontal="center" vertical="center" wrapText="1"/>
    </xf>
    <xf numFmtId="0" fontId="154" fillId="34" borderId="1" xfId="865" applyFont="1" applyFill="1" applyBorder="1" applyAlignment="1">
      <alignment horizontal="center" vertical="center" wrapText="1"/>
    </xf>
    <xf numFmtId="0" fontId="119" fillId="34" borderId="39" xfId="865" applyFont="1" applyFill="1" applyBorder="1" applyAlignment="1">
      <alignment horizontal="center" vertical="center" wrapText="1"/>
    </xf>
    <xf numFmtId="0" fontId="119" fillId="34" borderId="42" xfId="865" applyFont="1" applyFill="1" applyBorder="1" applyAlignment="1">
      <alignment horizontal="center" vertical="center" wrapText="1"/>
    </xf>
    <xf numFmtId="0" fontId="119" fillId="34" borderId="40" xfId="865" applyFont="1" applyFill="1" applyBorder="1" applyAlignment="1">
      <alignment horizontal="center" vertical="center" wrapText="1"/>
    </xf>
    <xf numFmtId="0" fontId="122" fillId="34" borderId="8" xfId="865" applyFont="1" applyFill="1" applyBorder="1" applyAlignment="1">
      <alignment vertical="center" wrapText="1"/>
    </xf>
    <xf numFmtId="0" fontId="119" fillId="34" borderId="41" xfId="865" applyFont="1" applyFill="1" applyBorder="1" applyAlignment="1">
      <alignment horizontal="center" vertical="center" wrapText="1"/>
    </xf>
    <xf numFmtId="0" fontId="119" fillId="34" borderId="34" xfId="865" applyFont="1" applyFill="1" applyBorder="1" applyAlignment="1">
      <alignment horizontal="center" vertical="center" wrapText="1"/>
    </xf>
    <xf numFmtId="0" fontId="119" fillId="34" borderId="3" xfId="865" applyFont="1" applyFill="1" applyBorder="1" applyAlignment="1">
      <alignment horizontal="center" vertical="center" wrapText="1"/>
    </xf>
    <xf numFmtId="0" fontId="122" fillId="34" borderId="9" xfId="865" applyFont="1" applyFill="1" applyBorder="1" applyAlignment="1">
      <alignment vertical="center" wrapText="1"/>
    </xf>
    <xf numFmtId="0" fontId="119" fillId="34" borderId="8" xfId="865" applyFont="1" applyFill="1" applyBorder="1" applyAlignment="1">
      <alignment horizontal="center" vertical="center" wrapText="1"/>
    </xf>
    <xf numFmtId="0" fontId="119" fillId="34" borderId="35" xfId="865" applyFont="1" applyFill="1" applyBorder="1" applyAlignment="1">
      <alignment horizontal="center" vertical="center" wrapText="1"/>
    </xf>
    <xf numFmtId="0" fontId="122" fillId="0" borderId="0" xfId="865" applyFont="1" applyBorder="1" applyAlignment="1">
      <alignment horizontal="center" vertical="center" wrapText="1"/>
    </xf>
    <xf numFmtId="16" fontId="130" fillId="34" borderId="39" xfId="0" quotePrefix="1" applyNumberFormat="1" applyFont="1" applyFill="1" applyBorder="1" applyAlignment="1">
      <alignment horizontal="left" vertical="top" wrapText="1"/>
    </xf>
    <xf numFmtId="16" fontId="130" fillId="34" borderId="40" xfId="0" quotePrefix="1" applyNumberFormat="1" applyFont="1" applyFill="1" applyBorder="1" applyAlignment="1">
      <alignment horizontal="left" vertical="top" wrapText="1"/>
    </xf>
    <xf numFmtId="0" fontId="130" fillId="34" borderId="10" xfId="865" applyFont="1" applyFill="1" applyBorder="1" applyAlignment="1">
      <alignment horizontal="center" vertical="center" wrapText="1"/>
    </xf>
    <xf numFmtId="0" fontId="130" fillId="34" borderId="38" xfId="865" applyFont="1" applyFill="1" applyBorder="1" applyAlignment="1">
      <alignment horizontal="center" vertical="center" wrapText="1"/>
    </xf>
    <xf numFmtId="0" fontId="130" fillId="34" borderId="1" xfId="865" applyFont="1" applyFill="1" applyBorder="1" applyAlignment="1">
      <alignment horizontal="center" vertical="center" wrapText="1"/>
    </xf>
    <xf numFmtId="0" fontId="130" fillId="34" borderId="39" xfId="865" applyFont="1" applyFill="1" applyBorder="1" applyAlignment="1">
      <alignment horizontal="center" vertical="center" wrapText="1"/>
    </xf>
    <xf numFmtId="0" fontId="130" fillId="34" borderId="8" xfId="865" applyFont="1" applyFill="1" applyBorder="1" applyAlignment="1">
      <alignment horizontal="center" vertical="center" wrapText="1"/>
    </xf>
    <xf numFmtId="0" fontId="130" fillId="34" borderId="40" xfId="865" applyFont="1" applyFill="1" applyBorder="1" applyAlignment="1">
      <alignment horizontal="center" vertical="center" wrapText="1"/>
    </xf>
    <xf numFmtId="0" fontId="130" fillId="34" borderId="42" xfId="865" applyFont="1" applyFill="1" applyBorder="1" applyAlignment="1">
      <alignment horizontal="center" vertical="center" wrapText="1"/>
    </xf>
    <xf numFmtId="0" fontId="130" fillId="34" borderId="41" xfId="865" applyFont="1" applyFill="1" applyBorder="1" applyAlignment="1">
      <alignment horizontal="center" vertical="center" wrapText="1"/>
    </xf>
    <xf numFmtId="0" fontId="130" fillId="34" borderId="3" xfId="865" applyFont="1" applyFill="1" applyBorder="1" applyAlignment="1">
      <alignment horizontal="center" vertical="center" wrapText="1"/>
    </xf>
    <xf numFmtId="0" fontId="164" fillId="0" borderId="37" xfId="873" applyFont="1" applyBorder="1" applyAlignment="1">
      <alignment horizontal="left" vertical="center" wrapText="1" indent="2"/>
    </xf>
    <xf numFmtId="0" fontId="163" fillId="0" borderId="0" xfId="873" applyFont="1" applyAlignment="1">
      <alignment vertical="center" wrapText="1"/>
    </xf>
    <xf numFmtId="0" fontId="121" fillId="0" borderId="0" xfId="873" applyFont="1" applyAlignment="1">
      <alignment vertical="center" wrapText="1"/>
    </xf>
    <xf numFmtId="0" fontId="164" fillId="0" borderId="0" xfId="873" applyFont="1" applyAlignment="1">
      <alignment horizontal="left" vertical="center" wrapText="1" indent="2"/>
    </xf>
    <xf numFmtId="16" fontId="93" fillId="34" borderId="42" xfId="0" quotePrefix="1" applyNumberFormat="1" applyFont="1" applyFill="1" applyBorder="1" applyAlignment="1">
      <alignment horizontal="left" vertical="top" wrapText="1"/>
    </xf>
    <xf numFmtId="0" fontId="120" fillId="34" borderId="39" xfId="873" applyFont="1" applyFill="1" applyBorder="1" applyAlignment="1">
      <alignment horizontal="center" vertical="center" wrapText="1"/>
    </xf>
    <xf numFmtId="0" fontId="120" fillId="34" borderId="40" xfId="873" applyFont="1" applyFill="1" applyBorder="1" applyAlignment="1">
      <alignment horizontal="center" vertical="center" wrapText="1"/>
    </xf>
    <xf numFmtId="0" fontId="120" fillId="34" borderId="35" xfId="873" applyFont="1" applyFill="1" applyBorder="1" applyAlignment="1">
      <alignment horizontal="center" vertical="center" wrapText="1"/>
    </xf>
    <xf numFmtId="0" fontId="120" fillId="34" borderId="36" xfId="873" applyFont="1" applyFill="1" applyBorder="1" applyAlignment="1">
      <alignment horizontal="center" vertical="center" wrapText="1"/>
    </xf>
    <xf numFmtId="0" fontId="131" fillId="34" borderId="8" xfId="865" applyFont="1" applyFill="1" applyBorder="1"/>
    <xf numFmtId="0" fontId="131" fillId="34" borderId="0" xfId="865" applyFont="1" applyFill="1" applyBorder="1"/>
    <xf numFmtId="0" fontId="130" fillId="0" borderId="0" xfId="865" applyFont="1" applyBorder="1" applyAlignment="1">
      <alignment vertical="center"/>
    </xf>
    <xf numFmtId="0" fontId="131" fillId="0" borderId="0" xfId="865" applyFont="1" applyBorder="1"/>
    <xf numFmtId="0" fontId="150" fillId="34" borderId="39" xfId="865" applyFont="1" applyFill="1" applyBorder="1" applyAlignment="1">
      <alignment horizontal="center" vertical="center" wrapText="1"/>
    </xf>
    <xf numFmtId="0" fontId="150" fillId="34" borderId="40" xfId="865" applyFont="1" applyFill="1" applyBorder="1" applyAlignment="1">
      <alignment horizontal="center" vertical="center" wrapText="1"/>
    </xf>
    <xf numFmtId="0" fontId="150" fillId="34" borderId="35" xfId="865" applyFont="1" applyFill="1" applyBorder="1" applyAlignment="1">
      <alignment horizontal="center" vertical="center" wrapText="1"/>
    </xf>
    <xf numFmtId="0" fontId="150" fillId="34" borderId="36" xfId="865" applyFont="1" applyFill="1" applyBorder="1" applyAlignment="1">
      <alignment horizontal="center" vertical="center" wrapText="1"/>
    </xf>
    <xf numFmtId="0" fontId="131" fillId="0" borderId="0" xfId="865" applyFont="1" applyFill="1" applyBorder="1" applyAlignment="1">
      <alignment vertical="center" wrapText="1"/>
    </xf>
    <xf numFmtId="0" fontId="133" fillId="0" borderId="37" xfId="865" applyFont="1" applyFill="1" applyBorder="1" applyAlignment="1">
      <alignment horizontal="left" vertical="center" wrapText="1" indent="2"/>
    </xf>
    <xf numFmtId="0" fontId="134" fillId="0" borderId="0" xfId="865" applyFont="1" applyFill="1" applyBorder="1" applyAlignment="1">
      <alignment vertical="center" wrapText="1"/>
    </xf>
    <xf numFmtId="0" fontId="133" fillId="0" borderId="0" xfId="865" applyFont="1" applyFill="1" applyBorder="1" applyAlignment="1">
      <alignment horizontal="left" vertical="center" wrapText="1" indent="2"/>
    </xf>
    <xf numFmtId="16" fontId="120" fillId="34" borderId="39" xfId="0" quotePrefix="1" applyNumberFormat="1" applyFont="1" applyFill="1" applyBorder="1" applyAlignment="1">
      <alignment horizontal="left" vertical="top" wrapText="1"/>
    </xf>
    <xf numFmtId="16" fontId="120" fillId="34" borderId="40" xfId="0" quotePrefix="1" applyNumberFormat="1" applyFont="1" applyFill="1" applyBorder="1" applyAlignment="1">
      <alignment horizontal="left" vertical="top" wrapText="1"/>
    </xf>
    <xf numFmtId="49" fontId="120" fillId="34" borderId="39" xfId="875" applyNumberFormat="1" applyFont="1" applyFill="1" applyBorder="1" applyAlignment="1">
      <alignment horizontal="center" vertical="center" wrapText="1"/>
    </xf>
    <xf numFmtId="49" fontId="120" fillId="34" borderId="42" xfId="875" applyNumberFormat="1" applyFont="1" applyFill="1" applyBorder="1" applyAlignment="1">
      <alignment horizontal="center" vertical="center" wrapText="1"/>
    </xf>
    <xf numFmtId="49" fontId="120" fillId="34" borderId="40" xfId="875" applyNumberFormat="1" applyFont="1" applyFill="1" applyBorder="1" applyAlignment="1">
      <alignment horizontal="center" vertical="center" wrapText="1"/>
    </xf>
    <xf numFmtId="0" fontId="120" fillId="34" borderId="8" xfId="874" applyFont="1" applyFill="1" applyBorder="1" applyAlignment="1">
      <alignment horizontal="center" vertical="center" wrapText="1"/>
    </xf>
    <xf numFmtId="0" fontId="120" fillId="34" borderId="35" xfId="874" applyFont="1" applyFill="1" applyBorder="1" applyAlignment="1">
      <alignment horizontal="center" vertical="center" wrapText="1"/>
    </xf>
    <xf numFmtId="49" fontId="120" fillId="34" borderId="8" xfId="875" applyNumberFormat="1" applyFont="1" applyFill="1" applyBorder="1" applyAlignment="1">
      <alignment horizontal="center" vertical="center" wrapText="1"/>
    </xf>
    <xf numFmtId="49" fontId="120" fillId="34" borderId="35" xfId="875" applyNumberFormat="1" applyFont="1" applyFill="1" applyBorder="1" applyAlignment="1">
      <alignment horizontal="center" vertical="center" wrapText="1"/>
    </xf>
    <xf numFmtId="49" fontId="120" fillId="34" borderId="41" xfId="875" applyNumberFormat="1" applyFont="1" applyFill="1" applyBorder="1" applyAlignment="1">
      <alignment horizontal="center" vertical="center" wrapText="1"/>
    </xf>
    <xf numFmtId="49" fontId="120" fillId="34" borderId="34" xfId="875" applyNumberFormat="1" applyFont="1" applyFill="1" applyBorder="1" applyAlignment="1">
      <alignment horizontal="center" vertical="center" wrapText="1"/>
    </xf>
    <xf numFmtId="49" fontId="120" fillId="34" borderId="3" xfId="875" applyNumberFormat="1" applyFont="1" applyFill="1" applyBorder="1" applyAlignment="1">
      <alignment horizontal="center" vertical="center" wrapText="1"/>
    </xf>
    <xf numFmtId="0" fontId="120" fillId="34" borderId="41" xfId="874" applyFont="1" applyFill="1" applyBorder="1" applyAlignment="1">
      <alignment horizontal="center" vertical="center" wrapText="1"/>
    </xf>
    <xf numFmtId="0" fontId="120" fillId="34" borderId="3" xfId="874" applyFont="1" applyFill="1" applyBorder="1" applyAlignment="1">
      <alignment horizontal="center" vertical="center" wrapText="1"/>
    </xf>
    <xf numFmtId="0" fontId="120" fillId="34" borderId="39" xfId="152" quotePrefix="1" applyFont="1" applyFill="1" applyBorder="1" applyAlignment="1">
      <alignment horizontal="left"/>
    </xf>
    <xf numFmtId="0" fontId="120" fillId="34" borderId="42" xfId="152" applyFont="1" applyFill="1" applyBorder="1" applyAlignment="1">
      <alignment horizontal="left"/>
    </xf>
    <xf numFmtId="0" fontId="120" fillId="34" borderId="8" xfId="152" applyFont="1" applyFill="1" applyBorder="1" applyAlignment="1">
      <alignment horizontal="left"/>
    </xf>
    <xf numFmtId="0" fontId="120" fillId="34" borderId="0" xfId="152" applyFont="1" applyFill="1" applyAlignment="1">
      <alignment horizontal="left"/>
    </xf>
    <xf numFmtId="0" fontId="120" fillId="34" borderId="35" xfId="152" applyFont="1" applyFill="1" applyBorder="1" applyAlignment="1">
      <alignment horizontal="left"/>
    </xf>
    <xf numFmtId="0" fontId="120" fillId="34" borderId="37" xfId="152" applyFont="1" applyFill="1" applyBorder="1" applyAlignment="1">
      <alignment horizontal="left"/>
    </xf>
    <xf numFmtId="0" fontId="120" fillId="34" borderId="41" xfId="875" applyFont="1" applyFill="1" applyBorder="1" applyAlignment="1">
      <alignment horizontal="center" vertical="center" wrapText="1"/>
    </xf>
    <xf numFmtId="0" fontId="120" fillId="34" borderId="34" xfId="875" applyFont="1" applyFill="1" applyBorder="1" applyAlignment="1">
      <alignment horizontal="center" vertical="center" wrapText="1"/>
    </xf>
    <xf numFmtId="0" fontId="120" fillId="34" borderId="3" xfId="875" applyFont="1" applyFill="1" applyBorder="1" applyAlignment="1">
      <alignment horizontal="center" vertical="center" wrapText="1"/>
    </xf>
    <xf numFmtId="0" fontId="120" fillId="34" borderId="42" xfId="877" applyFont="1" applyFill="1" applyBorder="1" applyAlignment="1">
      <alignment horizontal="center" vertical="center"/>
    </xf>
    <xf numFmtId="0" fontId="120" fillId="34" borderId="40" xfId="877" applyFont="1" applyFill="1" applyBorder="1" applyAlignment="1">
      <alignment horizontal="center" vertical="center"/>
    </xf>
    <xf numFmtId="0" fontId="120" fillId="34" borderId="0" xfId="877" applyFont="1" applyFill="1" applyAlignment="1">
      <alignment horizontal="center" vertical="center"/>
    </xf>
    <xf numFmtId="0" fontId="120" fillId="34" borderId="37" xfId="877" applyFont="1" applyFill="1" applyBorder="1" applyAlignment="1">
      <alignment horizontal="center" vertical="center"/>
    </xf>
    <xf numFmtId="0" fontId="120" fillId="34" borderId="41" xfId="877" applyFont="1" applyFill="1" applyBorder="1" applyAlignment="1">
      <alignment horizontal="center" vertical="center" wrapText="1"/>
    </xf>
    <xf numFmtId="0" fontId="120" fillId="34" borderId="34" xfId="877" applyFont="1" applyFill="1" applyBorder="1" applyAlignment="1">
      <alignment horizontal="center" vertical="center" wrapText="1"/>
    </xf>
    <xf numFmtId="0" fontId="120" fillId="34" borderId="3" xfId="877" applyFont="1" applyFill="1" applyBorder="1" applyAlignment="1">
      <alignment horizontal="center" vertical="center" wrapText="1"/>
    </xf>
    <xf numFmtId="0" fontId="120" fillId="34" borderId="39" xfId="877" applyFont="1" applyFill="1" applyBorder="1" applyAlignment="1">
      <alignment horizontal="center" vertical="center"/>
    </xf>
    <xf numFmtId="0" fontId="167" fillId="34" borderId="42" xfId="877" applyFont="1" applyFill="1" applyBorder="1" applyAlignment="1">
      <alignment horizontal="center" vertical="center"/>
    </xf>
    <xf numFmtId="0" fontId="167" fillId="34" borderId="40" xfId="877" applyFont="1" applyFill="1" applyBorder="1" applyAlignment="1">
      <alignment horizontal="center" vertical="center"/>
    </xf>
    <xf numFmtId="0" fontId="120" fillId="34" borderId="41" xfId="877" applyFont="1" applyFill="1" applyBorder="1" applyAlignment="1">
      <alignment horizontal="center" vertical="center"/>
    </xf>
    <xf numFmtId="0" fontId="120" fillId="34" borderId="34" xfId="877" applyFont="1" applyFill="1" applyBorder="1" applyAlignment="1">
      <alignment horizontal="center" vertical="center"/>
    </xf>
    <xf numFmtId="0" fontId="120" fillId="34" borderId="3" xfId="877" applyFont="1" applyFill="1" applyBorder="1" applyAlignment="1">
      <alignment horizontal="center" vertical="center"/>
    </xf>
    <xf numFmtId="0" fontId="120" fillId="35" borderId="39" xfId="152" quotePrefix="1" applyFont="1" applyFill="1" applyBorder="1" applyAlignment="1">
      <alignment horizontal="left"/>
    </xf>
    <xf numFmtId="0" fontId="120" fillId="35" borderId="42" xfId="152" applyFont="1" applyFill="1" applyBorder="1" applyAlignment="1">
      <alignment horizontal="left"/>
    </xf>
    <xf numFmtId="0" fontId="120" fillId="35" borderId="8" xfId="152" applyFont="1" applyFill="1" applyBorder="1" applyAlignment="1">
      <alignment horizontal="left"/>
    </xf>
    <xf numFmtId="0" fontId="120" fillId="35" borderId="0" xfId="152" applyFont="1" applyFill="1" applyAlignment="1">
      <alignment horizontal="left"/>
    </xf>
    <xf numFmtId="0" fontId="120" fillId="35" borderId="35" xfId="152" applyFont="1" applyFill="1" applyBorder="1" applyAlignment="1">
      <alignment horizontal="left"/>
    </xf>
    <xf numFmtId="0" fontId="120" fillId="35" borderId="37" xfId="152" applyFont="1" applyFill="1" applyBorder="1" applyAlignment="1">
      <alignment horizontal="left"/>
    </xf>
    <xf numFmtId="0" fontId="120" fillId="34" borderId="39" xfId="152" applyFont="1" applyFill="1" applyBorder="1" applyAlignment="1">
      <alignment horizontal="center" vertical="center" wrapText="1"/>
    </xf>
    <xf numFmtId="0" fontId="120" fillId="34" borderId="40" xfId="152" applyFont="1" applyFill="1" applyBorder="1" applyAlignment="1">
      <alignment horizontal="center" vertical="center" wrapText="1"/>
    </xf>
    <xf numFmtId="0" fontId="93" fillId="34" borderId="41" xfId="0" applyFont="1" applyFill="1" applyBorder="1" applyAlignment="1">
      <alignment horizontal="left" wrapText="1"/>
    </xf>
    <xf numFmtId="0" fontId="93" fillId="34" borderId="34" xfId="0" applyFont="1" applyFill="1" applyBorder="1" applyAlignment="1">
      <alignment horizontal="left" wrapText="1"/>
    </xf>
    <xf numFmtId="0" fontId="93" fillId="34" borderId="3" xfId="0" applyFont="1" applyFill="1" applyBorder="1" applyAlignment="1">
      <alignment horizontal="left" wrapText="1"/>
    </xf>
    <xf numFmtId="0" fontId="93" fillId="35" borderId="41" xfId="0" applyFont="1" applyFill="1" applyBorder="1" applyAlignment="1">
      <alignment horizontal="center" vertical="center" wrapText="1"/>
    </xf>
    <xf numFmtId="0" fontId="93" fillId="35" borderId="34" xfId="0" applyFont="1" applyFill="1" applyBorder="1" applyAlignment="1">
      <alignment horizontal="center" vertical="center" wrapText="1"/>
    </xf>
    <xf numFmtId="0" fontId="93" fillId="35" borderId="3" xfId="0" applyFont="1" applyFill="1" applyBorder="1" applyAlignment="1">
      <alignment horizontal="center" vertical="center" wrapText="1"/>
    </xf>
    <xf numFmtId="0" fontId="93" fillId="34" borderId="41" xfId="0" applyFont="1" applyFill="1" applyBorder="1" applyAlignment="1">
      <alignment horizontal="center" vertical="center" wrapText="1"/>
    </xf>
    <xf numFmtId="0" fontId="93" fillId="34" borderId="34" xfId="0" applyFont="1" applyFill="1" applyBorder="1" applyAlignment="1">
      <alignment horizontal="center" vertical="center" wrapText="1"/>
    </xf>
    <xf numFmtId="0" fontId="93" fillId="34" borderId="3" xfId="0" applyFont="1" applyFill="1" applyBorder="1" applyAlignment="1">
      <alignment horizontal="center" vertical="center" wrapText="1"/>
    </xf>
    <xf numFmtId="0" fontId="91" fillId="34" borderId="11" xfId="0" applyFont="1" applyFill="1" applyBorder="1" applyAlignment="1">
      <alignment horizontal="center" vertical="center" wrapText="1"/>
    </xf>
    <xf numFmtId="0" fontId="91" fillId="34" borderId="12" xfId="0" applyFont="1" applyFill="1" applyBorder="1" applyAlignment="1">
      <alignment horizontal="center" vertical="center" wrapText="1"/>
    </xf>
    <xf numFmtId="0" fontId="91" fillId="34" borderId="11" xfId="0" applyFont="1" applyFill="1" applyBorder="1" applyAlignment="1">
      <alignment horizontal="left" wrapText="1"/>
    </xf>
    <xf numFmtId="0" fontId="91" fillId="34" borderId="12" xfId="0" applyFont="1" applyFill="1" applyBorder="1" applyAlignment="1">
      <alignment horizontal="left" wrapText="1"/>
    </xf>
    <xf numFmtId="0" fontId="93" fillId="34" borderId="11" xfId="309" applyFont="1" applyFill="1" applyBorder="1" applyAlignment="1">
      <alignment horizontal="left" wrapText="1"/>
    </xf>
    <xf numFmtId="0" fontId="93" fillId="34" borderId="12" xfId="309" applyFont="1" applyFill="1" applyBorder="1" applyAlignment="1">
      <alignment horizontal="left" wrapText="1"/>
    </xf>
    <xf numFmtId="0" fontId="93" fillId="34" borderId="11" xfId="309" applyFont="1" applyFill="1" applyBorder="1" applyAlignment="1">
      <alignment horizontal="center" vertical="center" wrapText="1"/>
    </xf>
    <xf numFmtId="0" fontId="113" fillId="34" borderId="11" xfId="309" applyFont="1" applyFill="1" applyBorder="1" applyAlignment="1">
      <alignment horizontal="center" vertical="center" wrapText="1"/>
    </xf>
    <xf numFmtId="0" fontId="112" fillId="34" borderId="11" xfId="151" applyFont="1" applyFill="1" applyBorder="1" applyAlignment="1">
      <alignment horizontal="center" vertical="center" wrapText="1"/>
    </xf>
    <xf numFmtId="0" fontId="93" fillId="34" borderId="32" xfId="151" applyFont="1" applyFill="1" applyBorder="1" applyAlignment="1">
      <alignment horizontal="center" vertical="center" wrapText="1"/>
    </xf>
    <xf numFmtId="0" fontId="93" fillId="35" borderId="11" xfId="151" applyFont="1" applyFill="1" applyBorder="1" applyAlignment="1">
      <alignment horizontal="center" vertical="center" wrapText="1"/>
    </xf>
    <xf numFmtId="0" fontId="93" fillId="35" borderId="12" xfId="151" applyFont="1" applyFill="1" applyBorder="1" applyAlignment="1">
      <alignment horizontal="center" vertical="center" wrapText="1"/>
    </xf>
    <xf numFmtId="0" fontId="93" fillId="34" borderId="2" xfId="309" applyFont="1" applyFill="1" applyBorder="1" applyAlignment="1">
      <alignment horizontal="center" wrapText="1"/>
    </xf>
    <xf numFmtId="0" fontId="13" fillId="34" borderId="2" xfId="309" applyFont="1" applyFill="1" applyBorder="1" applyAlignment="1">
      <alignment horizontal="center" wrapText="1"/>
    </xf>
    <xf numFmtId="0" fontId="13" fillId="34" borderId="12" xfId="309" applyFont="1" applyFill="1" applyBorder="1" applyAlignment="1">
      <alignment vertical="center"/>
    </xf>
    <xf numFmtId="0" fontId="93" fillId="34" borderId="37" xfId="309" applyFont="1" applyFill="1" applyBorder="1" applyAlignment="1">
      <alignment horizontal="center" wrapText="1"/>
    </xf>
    <xf numFmtId="0" fontId="13" fillId="34" borderId="37" xfId="309" applyFont="1" applyFill="1" applyBorder="1" applyAlignment="1">
      <alignment horizontal="center" wrapText="1"/>
    </xf>
    <xf numFmtId="0" fontId="93" fillId="34" borderId="0" xfId="309" applyFont="1" applyFill="1" applyBorder="1" applyAlignment="1">
      <alignment horizontal="center" vertical="center" wrapText="1"/>
    </xf>
    <xf numFmtId="0" fontId="93" fillId="34" borderId="0" xfId="309" quotePrefix="1" applyFont="1" applyFill="1" applyBorder="1" applyAlignment="1">
      <alignment horizontal="center"/>
    </xf>
    <xf numFmtId="0" fontId="120" fillId="34" borderId="0" xfId="309" quotePrefix="1" applyFont="1" applyFill="1" applyAlignment="1">
      <alignment horizontal="center"/>
    </xf>
    <xf numFmtId="0" fontId="120" fillId="34" borderId="39" xfId="309" quotePrefix="1" applyFont="1" applyFill="1" applyBorder="1" applyAlignment="1">
      <alignment horizontal="center"/>
    </xf>
    <xf numFmtId="0" fontId="120" fillId="34" borderId="40" xfId="309" quotePrefix="1" applyFont="1" applyFill="1" applyBorder="1" applyAlignment="1">
      <alignment horizontal="center"/>
    </xf>
    <xf numFmtId="0" fontId="93" fillId="34" borderId="11" xfId="367" applyFont="1" applyFill="1" applyBorder="1" applyAlignment="1">
      <alignment horizontal="center" vertical="center"/>
    </xf>
    <xf numFmtId="9" fontId="93" fillId="34" borderId="2" xfId="367" applyNumberFormat="1" applyFont="1" applyFill="1" applyBorder="1" applyAlignment="1">
      <alignment horizontal="center" vertical="center" wrapText="1"/>
    </xf>
    <xf numFmtId="9" fontId="93" fillId="34" borderId="0" xfId="367" applyNumberFormat="1" applyFont="1" applyFill="1" applyBorder="1" applyAlignment="1">
      <alignment horizontal="center" vertical="center" wrapText="1"/>
    </xf>
    <xf numFmtId="9" fontId="93" fillId="34" borderId="12" xfId="367" applyNumberFormat="1" applyFont="1" applyFill="1" applyBorder="1" applyAlignment="1">
      <alignment horizontal="center" vertical="center" wrapText="1"/>
    </xf>
    <xf numFmtId="9" fontId="120" fillId="34" borderId="38" xfId="678" applyNumberFormat="1" applyFont="1" applyFill="1" applyBorder="1" applyAlignment="1">
      <alignment horizontal="center" vertical="center" wrapText="1"/>
    </xf>
    <xf numFmtId="9" fontId="120" fillId="34" borderId="0" xfId="678" applyNumberFormat="1" applyFont="1" applyFill="1" applyAlignment="1">
      <alignment horizontal="center" vertical="center" wrapText="1"/>
    </xf>
    <xf numFmtId="9" fontId="120" fillId="34" borderId="12" xfId="678" applyNumberFormat="1" applyFont="1" applyFill="1" applyBorder="1" applyAlignment="1">
      <alignment horizontal="center" vertical="center" wrapText="1"/>
    </xf>
    <xf numFmtId="0" fontId="120" fillId="34" borderId="12" xfId="678" applyFont="1" applyFill="1" applyBorder="1" applyAlignment="1">
      <alignment horizontal="center" vertical="center" wrapText="1"/>
    </xf>
    <xf numFmtId="0" fontId="120" fillId="34" borderId="0" xfId="678" applyFont="1" applyFill="1" applyAlignment="1">
      <alignment horizontal="center" vertical="center" wrapText="1"/>
    </xf>
    <xf numFmtId="9" fontId="120" fillId="34" borderId="0" xfId="678" applyNumberFormat="1" applyFont="1" applyFill="1" applyAlignment="1">
      <alignment horizontal="center" vertical="center"/>
    </xf>
    <xf numFmtId="9" fontId="120" fillId="34" borderId="12" xfId="678" applyNumberFormat="1" applyFont="1" applyFill="1" applyBorder="1" applyAlignment="1">
      <alignment horizontal="center" vertical="center"/>
    </xf>
    <xf numFmtId="0" fontId="93" fillId="34" borderId="12" xfId="367" applyFont="1" applyFill="1" applyBorder="1" applyAlignment="1">
      <alignment horizontal="center" vertical="center" wrapText="1"/>
    </xf>
    <xf numFmtId="0" fontId="93" fillId="34" borderId="0" xfId="367" applyFont="1" applyFill="1" applyBorder="1" applyAlignment="1">
      <alignment horizontal="center" vertical="center" wrapText="1"/>
    </xf>
    <xf numFmtId="9" fontId="93" fillId="34" borderId="0" xfId="367" applyNumberFormat="1" applyFont="1" applyFill="1" applyBorder="1" applyAlignment="1">
      <alignment horizontal="center" vertical="center"/>
    </xf>
    <xf numFmtId="9" fontId="93" fillId="34" borderId="12" xfId="367" applyNumberFormat="1" applyFont="1" applyFill="1" applyBorder="1" applyAlignment="1">
      <alignment horizontal="center" vertical="center"/>
    </xf>
    <xf numFmtId="0" fontId="93" fillId="35" borderId="0" xfId="151" quotePrefix="1" applyFont="1" applyFill="1" applyBorder="1" applyAlignment="1">
      <alignment horizontal="center" vertical="center"/>
    </xf>
    <xf numFmtId="0" fontId="107" fillId="0" borderId="0" xfId="0" applyFont="1" applyAlignment="1">
      <alignment horizontal="center" vertical="center"/>
    </xf>
    <xf numFmtId="9" fontId="93" fillId="34" borderId="0" xfId="0" applyNumberFormat="1" applyFont="1" applyFill="1" applyBorder="1" applyAlignment="1">
      <alignment horizontal="center" vertical="center" wrapText="1"/>
    </xf>
    <xf numFmtId="9" fontId="93" fillId="34" borderId="12" xfId="0" applyNumberFormat="1" applyFont="1" applyFill="1" applyBorder="1" applyAlignment="1">
      <alignment horizontal="center" vertical="center" wrapText="1"/>
    </xf>
    <xf numFmtId="0" fontId="120" fillId="36" borderId="0" xfId="151" quotePrefix="1" applyFont="1" applyFill="1" applyAlignment="1">
      <alignment horizontal="center" vertical="center"/>
    </xf>
    <xf numFmtId="0" fontId="120" fillId="36" borderId="0" xfId="0" applyFont="1" applyFill="1" applyAlignment="1">
      <alignment horizontal="center" vertical="center"/>
    </xf>
    <xf numFmtId="9" fontId="120" fillId="34" borderId="0" xfId="0" applyNumberFormat="1" applyFont="1" applyFill="1" applyAlignment="1">
      <alignment horizontal="center" vertical="center" wrapText="1"/>
    </xf>
    <xf numFmtId="9" fontId="120" fillId="34" borderId="12" xfId="0" applyNumberFormat="1" applyFont="1" applyFill="1" applyBorder="1" applyAlignment="1">
      <alignment horizontal="center" vertical="center" wrapText="1"/>
    </xf>
    <xf numFmtId="0" fontId="120" fillId="34" borderId="42" xfId="678" quotePrefix="1" applyFont="1" applyFill="1" applyBorder="1" applyAlignment="1">
      <alignment horizontal="center"/>
    </xf>
    <xf numFmtId="0" fontId="121" fillId="34" borderId="42" xfId="678" applyFont="1" applyFill="1" applyBorder="1" applyAlignment="1">
      <alignment horizontal="center"/>
    </xf>
    <xf numFmtId="15" fontId="120" fillId="34" borderId="42" xfId="678" quotePrefix="1" applyNumberFormat="1" applyFont="1" applyFill="1" applyBorder="1" applyAlignment="1">
      <alignment horizontal="center"/>
    </xf>
    <xf numFmtId="0" fontId="91" fillId="34" borderId="39" xfId="589" quotePrefix="1" applyFont="1" applyFill="1" applyBorder="1" applyAlignment="1">
      <alignment horizontal="center" vertical="center"/>
    </xf>
    <xf numFmtId="0" fontId="91" fillId="34" borderId="6" xfId="589" quotePrefix="1" applyFont="1" applyFill="1" applyBorder="1" applyAlignment="1">
      <alignment horizontal="center" vertical="center"/>
    </xf>
    <xf numFmtId="0" fontId="93" fillId="34" borderId="11" xfId="307" applyFont="1" applyFill="1" applyBorder="1" applyAlignment="1">
      <alignment horizontal="center" vertical="center" wrapText="1"/>
    </xf>
    <xf numFmtId="0" fontId="93" fillId="34" borderId="12" xfId="307" applyFont="1" applyFill="1" applyBorder="1" applyAlignment="1">
      <alignment horizontal="center" vertical="center" wrapText="1"/>
    </xf>
    <xf numFmtId="9" fontId="93" fillId="34" borderId="11" xfId="0" applyNumberFormat="1" applyFont="1" applyFill="1" applyBorder="1" applyAlignment="1">
      <alignment horizontal="center" vertical="center" wrapText="1"/>
    </xf>
    <xf numFmtId="0" fontId="91" fillId="34" borderId="11" xfId="309" applyFont="1" applyFill="1" applyBorder="1" applyAlignment="1">
      <alignment horizontal="left"/>
    </xf>
    <xf numFmtId="0" fontId="91" fillId="34" borderId="12" xfId="309" applyFont="1" applyFill="1" applyBorder="1" applyAlignment="1">
      <alignment horizontal="left"/>
    </xf>
    <xf numFmtId="49" fontId="120" fillId="34" borderId="42" xfId="309" applyNumberFormat="1" applyFont="1" applyFill="1" applyBorder="1" applyAlignment="1">
      <alignment horizontal="center" vertical="center" wrapText="1"/>
    </xf>
    <xf numFmtId="49" fontId="120" fillId="34" borderId="40" xfId="309" applyNumberFormat="1" applyFont="1" applyFill="1" applyBorder="1" applyAlignment="1">
      <alignment horizontal="center" vertical="center" wrapText="1"/>
    </xf>
    <xf numFmtId="49" fontId="120" fillId="34" borderId="12" xfId="309" applyNumberFormat="1" applyFont="1" applyFill="1" applyBorder="1" applyAlignment="1">
      <alignment horizontal="center" vertical="center" wrapText="1"/>
    </xf>
    <xf numFmtId="49" fontId="120" fillId="34" borderId="7" xfId="309" applyNumberFormat="1" applyFont="1" applyFill="1" applyBorder="1" applyAlignment="1">
      <alignment horizontal="center" vertical="center" wrapText="1"/>
    </xf>
    <xf numFmtId="0" fontId="120" fillId="34" borderId="4" xfId="309" applyFont="1" applyFill="1" applyBorder="1" applyAlignment="1">
      <alignment horizontal="center" vertical="center" wrapText="1"/>
    </xf>
    <xf numFmtId="0" fontId="122" fillId="0" borderId="4" xfId="0" applyFont="1" applyFill="1" applyBorder="1" applyAlignment="1">
      <alignment horizontal="center" vertical="center"/>
    </xf>
    <xf numFmtId="0" fontId="122" fillId="0" borderId="4" xfId="0" applyFont="1" applyFill="1" applyBorder="1"/>
    <xf numFmtId="14" fontId="122" fillId="0" borderId="4" xfId="0" applyNumberFormat="1" applyFont="1" applyFill="1" applyBorder="1"/>
  </cellXfs>
  <cellStyles count="884">
    <cellStyle name="_Grafer till ÅR 2011_J Lundberg 130129" xfId="3" xr:uid="{00000000-0005-0000-0000-000000000000}"/>
    <cellStyle name="_Row3" xfId="180" xr:uid="{00000000-0005-0000-0000-000001000000}"/>
    <cellStyle name="_Securitisation_2011-12-31_V3" xfId="4" xr:uid="{00000000-0005-0000-0000-000002000000}"/>
    <cellStyle name="_Securitisation_2012-12-31" xfId="5" xr:uid="{00000000-0005-0000-0000-000003000000}"/>
    <cellStyle name="=C:\WINNT35\SYSTEM32\COMMAND.COM" xfId="6" xr:uid="{00000000-0005-0000-0000-000004000000}"/>
    <cellStyle name="=C:\WINNT35\SYSTEM32\COMMAND.COM 2" xfId="144" xr:uid="{00000000-0005-0000-0000-000005000000}"/>
    <cellStyle name="=C:\WINNT35\SYSTEM32\COMMAND.COM 2 2" xfId="868" xr:uid="{00000000-0005-0000-0000-000006000000}"/>
    <cellStyle name="20% - Accent1 2" xfId="7" xr:uid="{00000000-0005-0000-0000-000007000000}"/>
    <cellStyle name="20% - Accent1 2 2" xfId="216" xr:uid="{00000000-0005-0000-0000-000008000000}"/>
    <cellStyle name="20% - Accent1 2 2 2" xfId="592" xr:uid="{00000000-0005-0000-0000-000009000000}"/>
    <cellStyle name="20% - Accent1 3" xfId="310" xr:uid="{00000000-0005-0000-0000-00000A000000}"/>
    <cellStyle name="20% - Accent2 2" xfId="8" xr:uid="{00000000-0005-0000-0000-00000B000000}"/>
    <cellStyle name="20% - Accent2 2 2" xfId="215" xr:uid="{00000000-0005-0000-0000-00000C000000}"/>
    <cellStyle name="20% - Accent2 2 2 2" xfId="593" xr:uid="{00000000-0005-0000-0000-00000D000000}"/>
    <cellStyle name="20% - Accent2 3" xfId="311" xr:uid="{00000000-0005-0000-0000-00000E000000}"/>
    <cellStyle name="20% - Accent3 2" xfId="9" xr:uid="{00000000-0005-0000-0000-00000F000000}"/>
    <cellStyle name="20% - Accent3 2 2" xfId="214" xr:uid="{00000000-0005-0000-0000-000010000000}"/>
    <cellStyle name="20% - Accent3 2 2 2" xfId="594" xr:uid="{00000000-0005-0000-0000-000011000000}"/>
    <cellStyle name="20% - Accent3 3" xfId="312" xr:uid="{00000000-0005-0000-0000-000012000000}"/>
    <cellStyle name="20% - Accent4 2" xfId="10" xr:uid="{00000000-0005-0000-0000-000013000000}"/>
    <cellStyle name="20% - Accent4 2 2" xfId="198" xr:uid="{00000000-0005-0000-0000-000014000000}"/>
    <cellStyle name="20% - Accent4 2 2 2" xfId="595" xr:uid="{00000000-0005-0000-0000-000015000000}"/>
    <cellStyle name="20% - Accent4 3" xfId="313" xr:uid="{00000000-0005-0000-0000-000016000000}"/>
    <cellStyle name="20% - Accent5 2" xfId="11" xr:uid="{00000000-0005-0000-0000-000017000000}"/>
    <cellStyle name="20% - Accent5 2 2" xfId="189" xr:uid="{00000000-0005-0000-0000-000018000000}"/>
    <cellStyle name="20% - Accent5 2 2 2" xfId="596" xr:uid="{00000000-0005-0000-0000-000019000000}"/>
    <cellStyle name="20% - Accent5 3" xfId="314" xr:uid="{00000000-0005-0000-0000-00001A000000}"/>
    <cellStyle name="20% - Accent6 2" xfId="12" xr:uid="{00000000-0005-0000-0000-00001B000000}"/>
    <cellStyle name="20% - Accent6 2 2" xfId="188" xr:uid="{00000000-0005-0000-0000-00001C000000}"/>
    <cellStyle name="20% - Accent6 2 2 2" xfId="597" xr:uid="{00000000-0005-0000-0000-00001D000000}"/>
    <cellStyle name="20% - Accent6 3" xfId="315" xr:uid="{00000000-0005-0000-0000-00001E000000}"/>
    <cellStyle name="20% - Dekorfärg1" xfId="13" xr:uid="{00000000-0005-0000-0000-00001F000000}"/>
    <cellStyle name="20% - Dekorfärg1 2" xfId="213" xr:uid="{00000000-0005-0000-0000-000020000000}"/>
    <cellStyle name="20% - Dekorfärg2" xfId="14" xr:uid="{00000000-0005-0000-0000-000021000000}"/>
    <cellStyle name="20% - Dekorfärg2 2" xfId="212" xr:uid="{00000000-0005-0000-0000-000022000000}"/>
    <cellStyle name="20% - Dekorfärg3" xfId="15" xr:uid="{00000000-0005-0000-0000-000023000000}"/>
    <cellStyle name="20% - Dekorfärg3 2" xfId="191" xr:uid="{00000000-0005-0000-0000-000024000000}"/>
    <cellStyle name="20% - Dekorfärg4" xfId="16" xr:uid="{00000000-0005-0000-0000-000025000000}"/>
    <cellStyle name="20% - Dekorfärg4 2" xfId="211" xr:uid="{00000000-0005-0000-0000-000026000000}"/>
    <cellStyle name="20% - Dekorfärg5" xfId="17" xr:uid="{00000000-0005-0000-0000-000027000000}"/>
    <cellStyle name="20% - Dekorfärg6" xfId="18" xr:uid="{00000000-0005-0000-0000-000028000000}"/>
    <cellStyle name="20% - Dekorfärg6 2" xfId="210" xr:uid="{00000000-0005-0000-0000-000029000000}"/>
    <cellStyle name="40% - Accent1 2" xfId="19" xr:uid="{00000000-0005-0000-0000-00002A000000}"/>
    <cellStyle name="40% - Accent1 2 2" xfId="224" xr:uid="{00000000-0005-0000-0000-00002B000000}"/>
    <cellStyle name="40% - Accent1 2 2 2" xfId="598" xr:uid="{00000000-0005-0000-0000-00002C000000}"/>
    <cellStyle name="40% - Accent1 3" xfId="316" xr:uid="{00000000-0005-0000-0000-00002D000000}"/>
    <cellStyle name="40% - Accent2 2" xfId="20" xr:uid="{00000000-0005-0000-0000-00002E000000}"/>
    <cellStyle name="40% - Accent2 2 2" xfId="209" xr:uid="{00000000-0005-0000-0000-00002F000000}"/>
    <cellStyle name="40% - Accent2 2 2 2" xfId="599" xr:uid="{00000000-0005-0000-0000-000030000000}"/>
    <cellStyle name="40% - Accent2 3" xfId="317" xr:uid="{00000000-0005-0000-0000-000031000000}"/>
    <cellStyle name="40% - Accent3 2" xfId="21" xr:uid="{00000000-0005-0000-0000-000032000000}"/>
    <cellStyle name="40% - Accent3 2 2" xfId="199" xr:uid="{00000000-0005-0000-0000-000033000000}"/>
    <cellStyle name="40% - Accent3 2 2 2" xfId="600" xr:uid="{00000000-0005-0000-0000-000034000000}"/>
    <cellStyle name="40% - Accent3 3" xfId="318" xr:uid="{00000000-0005-0000-0000-000035000000}"/>
    <cellStyle name="40% - Accent4 2" xfId="22" xr:uid="{00000000-0005-0000-0000-000036000000}"/>
    <cellStyle name="40% - Accent4 2 2" xfId="190" xr:uid="{00000000-0005-0000-0000-000037000000}"/>
    <cellStyle name="40% - Accent4 2 2 2" xfId="601" xr:uid="{00000000-0005-0000-0000-000038000000}"/>
    <cellStyle name="40% - Accent4 3" xfId="319" xr:uid="{00000000-0005-0000-0000-000039000000}"/>
    <cellStyle name="40% - Accent5 2" xfId="23" xr:uid="{00000000-0005-0000-0000-00003A000000}"/>
    <cellStyle name="40% - Accent5 2 2" xfId="200" xr:uid="{00000000-0005-0000-0000-00003B000000}"/>
    <cellStyle name="40% - Accent5 2 2 2" xfId="602" xr:uid="{00000000-0005-0000-0000-00003C000000}"/>
    <cellStyle name="40% - Accent5 3" xfId="320" xr:uid="{00000000-0005-0000-0000-00003D000000}"/>
    <cellStyle name="40% - Accent6 2" xfId="24" xr:uid="{00000000-0005-0000-0000-00003E000000}"/>
    <cellStyle name="40% - Accent6 2 2" xfId="232" xr:uid="{00000000-0005-0000-0000-00003F000000}"/>
    <cellStyle name="40% - Accent6 2 2 2" xfId="603" xr:uid="{00000000-0005-0000-0000-000040000000}"/>
    <cellStyle name="40% - Accent6 3" xfId="321" xr:uid="{00000000-0005-0000-0000-000041000000}"/>
    <cellStyle name="40% - Dekorfärg1" xfId="25" xr:uid="{00000000-0005-0000-0000-000042000000}"/>
    <cellStyle name="40% - Dekorfärg1 2" xfId="220" xr:uid="{00000000-0005-0000-0000-000043000000}"/>
    <cellStyle name="40% - Dekorfärg2" xfId="26" xr:uid="{00000000-0005-0000-0000-000044000000}"/>
    <cellStyle name="40% - Dekorfärg3" xfId="27" xr:uid="{00000000-0005-0000-0000-000045000000}"/>
    <cellStyle name="40% - Dekorfärg3 2" xfId="219" xr:uid="{00000000-0005-0000-0000-000046000000}"/>
    <cellStyle name="40% - Dekorfärg4" xfId="28" xr:uid="{00000000-0005-0000-0000-000047000000}"/>
    <cellStyle name="40% - Dekorfärg4 2" xfId="208" xr:uid="{00000000-0005-0000-0000-000048000000}"/>
    <cellStyle name="40% - Dekorfärg5" xfId="29" xr:uid="{00000000-0005-0000-0000-000049000000}"/>
    <cellStyle name="40% - Dekorfärg5 2" xfId="207" xr:uid="{00000000-0005-0000-0000-00004A000000}"/>
    <cellStyle name="40% - Dekorfärg6" xfId="30" xr:uid="{00000000-0005-0000-0000-00004B000000}"/>
    <cellStyle name="40% - Dekorfärg6 2" xfId="222" xr:uid="{00000000-0005-0000-0000-00004C000000}"/>
    <cellStyle name="60% - Accent1 2" xfId="31" xr:uid="{00000000-0005-0000-0000-00004D000000}"/>
    <cellStyle name="60% - Accent1 2 2" xfId="217" xr:uid="{00000000-0005-0000-0000-00004E000000}"/>
    <cellStyle name="60% - Accent1 2 2 2" xfId="604" xr:uid="{00000000-0005-0000-0000-00004F000000}"/>
    <cellStyle name="60% - Accent1 3" xfId="322" xr:uid="{00000000-0005-0000-0000-000050000000}"/>
    <cellStyle name="60% - Accent2 2" xfId="32" xr:uid="{00000000-0005-0000-0000-000051000000}"/>
    <cellStyle name="60% - Accent2 2 2" xfId="229" xr:uid="{00000000-0005-0000-0000-000052000000}"/>
    <cellStyle name="60% - Accent2 2 2 2" xfId="605" xr:uid="{00000000-0005-0000-0000-000053000000}"/>
    <cellStyle name="60% - Accent2 3" xfId="323" xr:uid="{00000000-0005-0000-0000-000054000000}"/>
    <cellStyle name="60% - Accent3 2" xfId="33" xr:uid="{00000000-0005-0000-0000-000055000000}"/>
    <cellStyle name="60% - Accent3 2 2" xfId="226" xr:uid="{00000000-0005-0000-0000-000056000000}"/>
    <cellStyle name="60% - Accent3 2 2 2" xfId="606" xr:uid="{00000000-0005-0000-0000-000057000000}"/>
    <cellStyle name="60% - Accent3 3" xfId="324" xr:uid="{00000000-0005-0000-0000-000058000000}"/>
    <cellStyle name="60% - Accent4 2" xfId="34" xr:uid="{00000000-0005-0000-0000-000059000000}"/>
    <cellStyle name="60% - Accent4 2 2" xfId="230" xr:uid="{00000000-0005-0000-0000-00005A000000}"/>
    <cellStyle name="60% - Accent4 2 2 2" xfId="607" xr:uid="{00000000-0005-0000-0000-00005B000000}"/>
    <cellStyle name="60% - Accent4 3" xfId="325" xr:uid="{00000000-0005-0000-0000-00005C000000}"/>
    <cellStyle name="60% - Accent5 2" xfId="35" xr:uid="{00000000-0005-0000-0000-00005D000000}"/>
    <cellStyle name="60% - Accent5 2 2" xfId="231" xr:uid="{00000000-0005-0000-0000-00005E000000}"/>
    <cellStyle name="60% - Accent5 2 2 2" xfId="608" xr:uid="{00000000-0005-0000-0000-00005F000000}"/>
    <cellStyle name="60% - Accent5 3" xfId="326" xr:uid="{00000000-0005-0000-0000-000060000000}"/>
    <cellStyle name="60% - Accent6 2" xfId="36" xr:uid="{00000000-0005-0000-0000-000061000000}"/>
    <cellStyle name="60% - Accent6 2 2" xfId="221" xr:uid="{00000000-0005-0000-0000-000062000000}"/>
    <cellStyle name="60% - Accent6 2 2 2" xfId="609" xr:uid="{00000000-0005-0000-0000-000063000000}"/>
    <cellStyle name="60% - Accent6 3" xfId="327" xr:uid="{00000000-0005-0000-0000-000064000000}"/>
    <cellStyle name="60% - Dekorfärg1" xfId="37" xr:uid="{00000000-0005-0000-0000-000065000000}"/>
    <cellStyle name="60% - Dekorfärg1 2" xfId="206" xr:uid="{00000000-0005-0000-0000-000066000000}"/>
    <cellStyle name="60% - Dekorfärg2" xfId="38" xr:uid="{00000000-0005-0000-0000-000067000000}"/>
    <cellStyle name="60% - Dekorfärg2 2" xfId="225" xr:uid="{00000000-0005-0000-0000-000068000000}"/>
    <cellStyle name="60% - Dekorfärg3" xfId="39" xr:uid="{00000000-0005-0000-0000-000069000000}"/>
    <cellStyle name="60% - Dekorfärg3 2" xfId="205" xr:uid="{00000000-0005-0000-0000-00006A000000}"/>
    <cellStyle name="60% - Dekorfärg4" xfId="40" xr:uid="{00000000-0005-0000-0000-00006B000000}"/>
    <cellStyle name="60% - Dekorfärg4 2" xfId="228" xr:uid="{00000000-0005-0000-0000-00006C000000}"/>
    <cellStyle name="60% - Dekorfärg5" xfId="41" xr:uid="{00000000-0005-0000-0000-00006D000000}"/>
    <cellStyle name="60% - Dekorfärg5 2" xfId="204" xr:uid="{00000000-0005-0000-0000-00006E000000}"/>
    <cellStyle name="60% - Dekorfärg6" xfId="42" xr:uid="{00000000-0005-0000-0000-00006F000000}"/>
    <cellStyle name="60% - Dekorfärg6 2" xfId="218" xr:uid="{00000000-0005-0000-0000-000070000000}"/>
    <cellStyle name="Accent1 2" xfId="43" xr:uid="{00000000-0005-0000-0000-000071000000}"/>
    <cellStyle name="Accent1 2 2" xfId="203" xr:uid="{00000000-0005-0000-0000-000072000000}"/>
    <cellStyle name="Accent1 2 2 2" xfId="610" xr:uid="{00000000-0005-0000-0000-000073000000}"/>
    <cellStyle name="Accent1 3" xfId="328" xr:uid="{00000000-0005-0000-0000-000074000000}"/>
    <cellStyle name="Accent2 2" xfId="44" xr:uid="{00000000-0005-0000-0000-000075000000}"/>
    <cellStyle name="Accent2 2 2" xfId="223" xr:uid="{00000000-0005-0000-0000-000076000000}"/>
    <cellStyle name="Accent2 2 2 2" xfId="611" xr:uid="{00000000-0005-0000-0000-000077000000}"/>
    <cellStyle name="Accent2 3" xfId="329" xr:uid="{00000000-0005-0000-0000-000078000000}"/>
    <cellStyle name="Accent3 2" xfId="45" xr:uid="{00000000-0005-0000-0000-000079000000}"/>
    <cellStyle name="Accent3 2 2" xfId="202" xr:uid="{00000000-0005-0000-0000-00007A000000}"/>
    <cellStyle name="Accent3 2 2 2" xfId="612" xr:uid="{00000000-0005-0000-0000-00007B000000}"/>
    <cellStyle name="Accent3 3" xfId="330" xr:uid="{00000000-0005-0000-0000-00007C000000}"/>
    <cellStyle name="Accent4 2" xfId="46" xr:uid="{00000000-0005-0000-0000-00007D000000}"/>
    <cellStyle name="Accent4 2 2" xfId="201" xr:uid="{00000000-0005-0000-0000-00007E000000}"/>
    <cellStyle name="Accent4 2 2 2" xfId="613" xr:uid="{00000000-0005-0000-0000-00007F000000}"/>
    <cellStyle name="Accent4 3" xfId="331" xr:uid="{00000000-0005-0000-0000-000080000000}"/>
    <cellStyle name="Accent5 2" xfId="47" xr:uid="{00000000-0005-0000-0000-000081000000}"/>
    <cellStyle name="Accent5 2 2" xfId="227" xr:uid="{00000000-0005-0000-0000-000082000000}"/>
    <cellStyle name="Accent5 2 2 2" xfId="614" xr:uid="{00000000-0005-0000-0000-000083000000}"/>
    <cellStyle name="Accent5 3" xfId="332" xr:uid="{00000000-0005-0000-0000-000084000000}"/>
    <cellStyle name="Accent6 2" xfId="48" xr:uid="{00000000-0005-0000-0000-000085000000}"/>
    <cellStyle name="Accent6 2 2" xfId="233" xr:uid="{00000000-0005-0000-0000-000086000000}"/>
    <cellStyle name="Accent6 2 2 2" xfId="615" xr:uid="{00000000-0005-0000-0000-000087000000}"/>
    <cellStyle name="Accent6 3" xfId="333" xr:uid="{00000000-0005-0000-0000-000088000000}"/>
    <cellStyle name="Anteckning" xfId="49" xr:uid="{00000000-0005-0000-0000-000089000000}"/>
    <cellStyle name="Anteckning 2" xfId="50" xr:uid="{00000000-0005-0000-0000-00008A000000}"/>
    <cellStyle name="Anteckning 2 2" xfId="145" xr:uid="{00000000-0005-0000-0000-00008B000000}"/>
    <cellStyle name="Anteckning 3" xfId="334" xr:uid="{00000000-0005-0000-0000-00008C000000}"/>
    <cellStyle name="Anteckning 3 2" xfId="335" xr:uid="{00000000-0005-0000-0000-00008D000000}"/>
    <cellStyle name="Anteckning 4" xfId="336" xr:uid="{00000000-0005-0000-0000-00008E000000}"/>
    <cellStyle name="Anteckning 5" xfId="337" xr:uid="{00000000-0005-0000-0000-00008F000000}"/>
    <cellStyle name="Anteckning 5 2" xfId="657" xr:uid="{00000000-0005-0000-0000-000090000000}"/>
    <cellStyle name="Anteckning 6" xfId="616" xr:uid="{00000000-0005-0000-0000-000091000000}"/>
    <cellStyle name="Bad 2" xfId="51" xr:uid="{00000000-0005-0000-0000-000092000000}"/>
    <cellStyle name="Bad 2 2" xfId="234" xr:uid="{00000000-0005-0000-0000-000093000000}"/>
    <cellStyle name="Bad 2 2 2" xfId="617" xr:uid="{00000000-0005-0000-0000-000094000000}"/>
    <cellStyle name="Bad 3" xfId="338" xr:uid="{00000000-0005-0000-0000-000095000000}"/>
    <cellStyle name="baseStyle" xfId="52" xr:uid="{00000000-0005-0000-0000-000096000000}"/>
    <cellStyle name="baseStyle 2" xfId="146" xr:uid="{00000000-0005-0000-0000-000097000000}"/>
    <cellStyle name="Beräkning" xfId="53" xr:uid="{00000000-0005-0000-0000-000098000000}"/>
    <cellStyle name="Beräkning 2" xfId="235" xr:uid="{00000000-0005-0000-0000-000099000000}"/>
    <cellStyle name="Bra" xfId="54" xr:uid="{00000000-0005-0000-0000-00009A000000}"/>
    <cellStyle name="Bra 2" xfId="236" xr:uid="{00000000-0005-0000-0000-00009B000000}"/>
    <cellStyle name="Calculation 2" xfId="55" xr:uid="{00000000-0005-0000-0000-00009C000000}"/>
    <cellStyle name="Calculation 2 2" xfId="237" xr:uid="{00000000-0005-0000-0000-00009D000000}"/>
    <cellStyle name="Calculation 2 2 2" xfId="618" xr:uid="{00000000-0005-0000-0000-00009E000000}"/>
    <cellStyle name="Calculation 3" xfId="339" xr:uid="{00000000-0005-0000-0000-00009F000000}"/>
    <cellStyle name="Check Cell 2" xfId="56" xr:uid="{00000000-0005-0000-0000-0000A0000000}"/>
    <cellStyle name="Check Cell 2 2" xfId="238" xr:uid="{00000000-0005-0000-0000-0000A1000000}"/>
    <cellStyle name="Check Cell 2 2 2" xfId="619" xr:uid="{00000000-0005-0000-0000-0000A2000000}"/>
    <cellStyle name="Check Cell 3" xfId="340" xr:uid="{00000000-0005-0000-0000-0000A3000000}"/>
    <cellStyle name="columnHeader" xfId="57" xr:uid="{00000000-0005-0000-0000-0000A4000000}"/>
    <cellStyle name="Comma" xfId="866" builtinId="3"/>
    <cellStyle name="Comma 10" xfId="824" xr:uid="{00000000-0005-0000-0000-0000A6000000}"/>
    <cellStyle name="Comma 10 2" xfId="862" xr:uid="{00000000-0005-0000-0000-0000A7000000}"/>
    <cellStyle name="Comma 11" xfId="883" xr:uid="{E6A08C7E-3C6E-42AD-BAA0-A2D99157CD78}"/>
    <cellStyle name="Comma 2" xfId="59" xr:uid="{00000000-0005-0000-0000-0000A8000000}"/>
    <cellStyle name="Comma 2 2" xfId="60" xr:uid="{00000000-0005-0000-0000-0000A9000000}"/>
    <cellStyle name="Comma 2 2 2" xfId="61" xr:uid="{00000000-0005-0000-0000-0000AA000000}"/>
    <cellStyle name="Comma 2 2 2 2" xfId="341" xr:uid="{00000000-0005-0000-0000-0000AB000000}"/>
    <cellStyle name="Comma 2 2 2 2 2" xfId="641" xr:uid="{00000000-0005-0000-0000-0000AC000000}"/>
    <cellStyle name="Comma 2 2 2 2 2 2" xfId="720" xr:uid="{00000000-0005-0000-0000-0000AD000000}"/>
    <cellStyle name="Comma 2 2 2 2 3" xfId="661" xr:uid="{00000000-0005-0000-0000-0000AE000000}"/>
    <cellStyle name="Comma 2 2 2 2 3 2" xfId="690" xr:uid="{00000000-0005-0000-0000-0000AF000000}"/>
    <cellStyle name="Comma 2 2 2 2 3 2 2" xfId="722" xr:uid="{00000000-0005-0000-0000-0000B0000000}"/>
    <cellStyle name="Comma 2 2 2 2 3 3" xfId="721" xr:uid="{00000000-0005-0000-0000-0000B1000000}"/>
    <cellStyle name="Comma 2 2 2 2 4" xfId="719" xr:uid="{00000000-0005-0000-0000-0000B2000000}"/>
    <cellStyle name="Comma 2 2 2 3" xfId="640" xr:uid="{00000000-0005-0000-0000-0000B3000000}"/>
    <cellStyle name="Comma 2 2 2 3 2" xfId="723" xr:uid="{00000000-0005-0000-0000-0000B4000000}"/>
    <cellStyle name="Comma 2 2 2 4" xfId="660" xr:uid="{00000000-0005-0000-0000-0000B5000000}"/>
    <cellStyle name="Comma 2 2 2 4 2" xfId="691" xr:uid="{00000000-0005-0000-0000-0000B6000000}"/>
    <cellStyle name="Comma 2 2 2 4 2 2" xfId="725" xr:uid="{00000000-0005-0000-0000-0000B7000000}"/>
    <cellStyle name="Comma 2 2 2 4 3" xfId="724" xr:uid="{00000000-0005-0000-0000-0000B8000000}"/>
    <cellStyle name="Comma 2 2 2 5" xfId="718" xr:uid="{00000000-0005-0000-0000-0000B9000000}"/>
    <cellStyle name="Comma 2 2 3" xfId="147" xr:uid="{00000000-0005-0000-0000-0000BA000000}"/>
    <cellStyle name="Comma 2 2 3 2" xfId="642" xr:uid="{00000000-0005-0000-0000-0000BB000000}"/>
    <cellStyle name="Comma 2 2 3 2 2" xfId="727" xr:uid="{00000000-0005-0000-0000-0000BC000000}"/>
    <cellStyle name="Comma 2 2 3 3" xfId="662" xr:uid="{00000000-0005-0000-0000-0000BD000000}"/>
    <cellStyle name="Comma 2 2 3 3 2" xfId="692" xr:uid="{00000000-0005-0000-0000-0000BE000000}"/>
    <cellStyle name="Comma 2 2 3 3 2 2" xfId="729" xr:uid="{00000000-0005-0000-0000-0000BF000000}"/>
    <cellStyle name="Comma 2 2 3 3 3" xfId="728" xr:uid="{00000000-0005-0000-0000-0000C0000000}"/>
    <cellStyle name="Comma 2 2 3 4" xfId="726" xr:uid="{00000000-0005-0000-0000-0000C1000000}"/>
    <cellStyle name="Comma 2 2 3 5" xfId="825" xr:uid="{00000000-0005-0000-0000-0000C2000000}"/>
    <cellStyle name="Comma 2 2 4" xfId="639" xr:uid="{00000000-0005-0000-0000-0000C3000000}"/>
    <cellStyle name="Comma 2 2 4 2" xfId="730" xr:uid="{00000000-0005-0000-0000-0000C4000000}"/>
    <cellStyle name="Comma 2 2 5" xfId="659" xr:uid="{00000000-0005-0000-0000-0000C5000000}"/>
    <cellStyle name="Comma 2 2 5 2" xfId="693" xr:uid="{00000000-0005-0000-0000-0000C6000000}"/>
    <cellStyle name="Comma 2 2 5 2 2" xfId="732" xr:uid="{00000000-0005-0000-0000-0000C7000000}"/>
    <cellStyle name="Comma 2 2 5 3" xfId="731" xr:uid="{00000000-0005-0000-0000-0000C8000000}"/>
    <cellStyle name="Comma 2 2 6" xfId="717" xr:uid="{00000000-0005-0000-0000-0000C9000000}"/>
    <cellStyle name="Comma 2 3" xfId="239" xr:uid="{00000000-0005-0000-0000-0000CA000000}"/>
    <cellStyle name="Comma 2 3 2" xfId="342" xr:uid="{00000000-0005-0000-0000-0000CB000000}"/>
    <cellStyle name="Comma 2 3 3" xfId="343" xr:uid="{00000000-0005-0000-0000-0000CC000000}"/>
    <cellStyle name="Comma 2 3 3 2" xfId="644" xr:uid="{00000000-0005-0000-0000-0000CD000000}"/>
    <cellStyle name="Comma 2 3 3 2 2" xfId="734" xr:uid="{00000000-0005-0000-0000-0000CE000000}"/>
    <cellStyle name="Comma 2 3 3 3" xfId="663" xr:uid="{00000000-0005-0000-0000-0000CF000000}"/>
    <cellStyle name="Comma 2 3 3 3 2" xfId="694" xr:uid="{00000000-0005-0000-0000-0000D0000000}"/>
    <cellStyle name="Comma 2 3 3 3 2 2" xfId="736" xr:uid="{00000000-0005-0000-0000-0000D1000000}"/>
    <cellStyle name="Comma 2 3 3 3 3" xfId="735" xr:uid="{00000000-0005-0000-0000-0000D2000000}"/>
    <cellStyle name="Comma 2 3 3 4" xfId="733" xr:uid="{00000000-0005-0000-0000-0000D3000000}"/>
    <cellStyle name="Comma 2 3 4" xfId="643" xr:uid="{00000000-0005-0000-0000-0000D4000000}"/>
    <cellStyle name="Comma 2 3 4 2" xfId="737" xr:uid="{00000000-0005-0000-0000-0000D5000000}"/>
    <cellStyle name="Comma 2 4" xfId="344" xr:uid="{00000000-0005-0000-0000-0000D6000000}"/>
    <cellStyle name="Comma 2 4 2" xfId="645" xr:uid="{00000000-0005-0000-0000-0000D7000000}"/>
    <cellStyle name="Comma 2 4 2 2" xfId="739" xr:uid="{00000000-0005-0000-0000-0000D8000000}"/>
    <cellStyle name="Comma 2 4 3" xfId="664" xr:uid="{00000000-0005-0000-0000-0000D9000000}"/>
    <cellStyle name="Comma 2 4 3 2" xfId="695" xr:uid="{00000000-0005-0000-0000-0000DA000000}"/>
    <cellStyle name="Comma 2 4 3 2 2" xfId="741" xr:uid="{00000000-0005-0000-0000-0000DB000000}"/>
    <cellStyle name="Comma 2 4 3 3" xfId="740" xr:uid="{00000000-0005-0000-0000-0000DC000000}"/>
    <cellStyle name="Comma 2 4 4" xfId="738" xr:uid="{00000000-0005-0000-0000-0000DD000000}"/>
    <cellStyle name="Comma 2 5" xfId="345" xr:uid="{00000000-0005-0000-0000-0000DE000000}"/>
    <cellStyle name="Comma 2 5 2" xfId="686" xr:uid="{00000000-0005-0000-0000-0000DF000000}"/>
    <cellStyle name="Comma 2 5 2 2" xfId="743" xr:uid="{00000000-0005-0000-0000-0000E0000000}"/>
    <cellStyle name="Comma 2 5 3" xfId="665" xr:uid="{00000000-0005-0000-0000-0000E1000000}"/>
    <cellStyle name="Comma 2 5 3 2" xfId="696" xr:uid="{00000000-0005-0000-0000-0000E2000000}"/>
    <cellStyle name="Comma 2 5 3 2 2" xfId="745" xr:uid="{00000000-0005-0000-0000-0000E3000000}"/>
    <cellStyle name="Comma 2 5 3 3" xfId="744" xr:uid="{00000000-0005-0000-0000-0000E4000000}"/>
    <cellStyle name="Comma 2 5 4" xfId="742" xr:uid="{00000000-0005-0000-0000-0000E5000000}"/>
    <cellStyle name="Comma 2 6" xfId="620" xr:uid="{00000000-0005-0000-0000-0000E6000000}"/>
    <cellStyle name="Comma 2 6 2" xfId="688" xr:uid="{00000000-0005-0000-0000-0000E7000000}"/>
    <cellStyle name="Comma 2 6 2 2" xfId="747" xr:uid="{00000000-0005-0000-0000-0000E8000000}"/>
    <cellStyle name="Comma 2 6 3" xfId="666" xr:uid="{00000000-0005-0000-0000-0000E9000000}"/>
    <cellStyle name="Comma 2 6 3 2" xfId="697" xr:uid="{00000000-0005-0000-0000-0000EA000000}"/>
    <cellStyle name="Comma 2 6 3 2 2" xfId="749" xr:uid="{00000000-0005-0000-0000-0000EB000000}"/>
    <cellStyle name="Comma 2 6 3 3" xfId="748" xr:uid="{00000000-0005-0000-0000-0000EC000000}"/>
    <cellStyle name="Comma 2 6 4" xfId="746" xr:uid="{00000000-0005-0000-0000-0000ED000000}"/>
    <cellStyle name="Comma 2 6 5" xfId="826" xr:uid="{00000000-0005-0000-0000-0000EE000000}"/>
    <cellStyle name="Comma 2 7" xfId="638" xr:uid="{00000000-0005-0000-0000-0000EF000000}"/>
    <cellStyle name="Comma 2 7 2" xfId="750" xr:uid="{00000000-0005-0000-0000-0000F0000000}"/>
    <cellStyle name="Comma 2 8" xfId="658" xr:uid="{00000000-0005-0000-0000-0000F1000000}"/>
    <cellStyle name="Comma 2 8 2" xfId="698" xr:uid="{00000000-0005-0000-0000-0000F2000000}"/>
    <cellStyle name="Comma 2 8 2 2" xfId="752" xr:uid="{00000000-0005-0000-0000-0000F3000000}"/>
    <cellStyle name="Comma 2 8 3" xfId="751" xr:uid="{00000000-0005-0000-0000-0000F4000000}"/>
    <cellStyle name="Comma 2 9" xfId="716" xr:uid="{00000000-0005-0000-0000-0000F5000000}"/>
    <cellStyle name="Comma 3" xfId="62" xr:uid="{00000000-0005-0000-0000-0000F6000000}"/>
    <cellStyle name="Comma 3 2" xfId="63" xr:uid="{00000000-0005-0000-0000-0000F7000000}"/>
    <cellStyle name="Comma 3 2 2" xfId="295" xr:uid="{00000000-0005-0000-0000-0000F8000000}"/>
    <cellStyle name="Comma 3 2 2 2" xfId="647" xr:uid="{00000000-0005-0000-0000-0000F9000000}"/>
    <cellStyle name="Comma 3 2 2 2 2" xfId="755" xr:uid="{00000000-0005-0000-0000-0000FA000000}"/>
    <cellStyle name="Comma 3 2 2 3" xfId="668" xr:uid="{00000000-0005-0000-0000-0000FB000000}"/>
    <cellStyle name="Comma 3 2 2 3 2" xfId="699" xr:uid="{00000000-0005-0000-0000-0000FC000000}"/>
    <cellStyle name="Comma 3 2 2 3 2 2" xfId="757" xr:uid="{00000000-0005-0000-0000-0000FD000000}"/>
    <cellStyle name="Comma 3 2 2 3 3" xfId="756" xr:uid="{00000000-0005-0000-0000-0000FE000000}"/>
    <cellStyle name="Comma 3 2 2 4" xfId="754" xr:uid="{00000000-0005-0000-0000-0000FF000000}"/>
    <cellStyle name="Comma 3 3" xfId="148" xr:uid="{00000000-0005-0000-0000-000000010000}"/>
    <cellStyle name="Comma 3 3 2" xfId="685" xr:uid="{00000000-0005-0000-0000-000001010000}"/>
    <cellStyle name="Comma 3 3 2 2" xfId="759" xr:uid="{00000000-0005-0000-0000-000002010000}"/>
    <cellStyle name="Comma 3 3 3" xfId="669" xr:uid="{00000000-0005-0000-0000-000003010000}"/>
    <cellStyle name="Comma 3 3 3 2" xfId="700" xr:uid="{00000000-0005-0000-0000-000004010000}"/>
    <cellStyle name="Comma 3 3 3 2 2" xfId="761" xr:uid="{00000000-0005-0000-0000-000005010000}"/>
    <cellStyle name="Comma 3 3 3 3" xfId="760" xr:uid="{00000000-0005-0000-0000-000006010000}"/>
    <cellStyle name="Comma 3 3 4" xfId="758" xr:uid="{00000000-0005-0000-0000-000007010000}"/>
    <cellStyle name="Comma 3 4" xfId="646" xr:uid="{00000000-0005-0000-0000-000008010000}"/>
    <cellStyle name="Comma 3 4 2" xfId="762" xr:uid="{00000000-0005-0000-0000-000009010000}"/>
    <cellStyle name="Comma 3 5" xfId="667" xr:uid="{00000000-0005-0000-0000-00000A010000}"/>
    <cellStyle name="Comma 3 5 2" xfId="701" xr:uid="{00000000-0005-0000-0000-00000B010000}"/>
    <cellStyle name="Comma 3 5 2 2" xfId="764" xr:uid="{00000000-0005-0000-0000-00000C010000}"/>
    <cellStyle name="Comma 3 5 3" xfId="763" xr:uid="{00000000-0005-0000-0000-00000D010000}"/>
    <cellStyle name="Comma 3 6" xfId="753" xr:uid="{00000000-0005-0000-0000-00000E010000}"/>
    <cellStyle name="Comma 4" xfId="64" xr:uid="{00000000-0005-0000-0000-00000F010000}"/>
    <cellStyle name="Comma 4 2" xfId="287" xr:uid="{00000000-0005-0000-0000-000010010000}"/>
    <cellStyle name="Comma 4 2 2" xfId="648" xr:uid="{00000000-0005-0000-0000-000011010000}"/>
    <cellStyle name="Comma 4 2 2 2" xfId="766" xr:uid="{00000000-0005-0000-0000-000012010000}"/>
    <cellStyle name="Comma 4 2 3" xfId="670" xr:uid="{00000000-0005-0000-0000-000013010000}"/>
    <cellStyle name="Comma 4 2 3 2" xfId="702" xr:uid="{00000000-0005-0000-0000-000014010000}"/>
    <cellStyle name="Comma 4 2 3 2 2" xfId="768" xr:uid="{00000000-0005-0000-0000-000015010000}"/>
    <cellStyle name="Comma 4 2 3 3" xfId="767" xr:uid="{00000000-0005-0000-0000-000016010000}"/>
    <cellStyle name="Comma 4 2 4" xfId="765" xr:uid="{00000000-0005-0000-0000-000017010000}"/>
    <cellStyle name="Comma 4 3" xfId="240" xr:uid="{00000000-0005-0000-0000-000018010000}"/>
    <cellStyle name="Comma 5" xfId="65" xr:uid="{00000000-0005-0000-0000-000019010000}"/>
    <cellStyle name="Comma 5 2" xfId="294" xr:uid="{00000000-0005-0000-0000-00001A010000}"/>
    <cellStyle name="Comma 5 2 2" xfId="649" xr:uid="{00000000-0005-0000-0000-00001B010000}"/>
    <cellStyle name="Comma 5 2 2 2" xfId="770" xr:uid="{00000000-0005-0000-0000-00001C010000}"/>
    <cellStyle name="Comma 5 2 3" xfId="671" xr:uid="{00000000-0005-0000-0000-00001D010000}"/>
    <cellStyle name="Comma 5 2 3 2" xfId="703" xr:uid="{00000000-0005-0000-0000-00001E010000}"/>
    <cellStyle name="Comma 5 2 3 2 2" xfId="772" xr:uid="{00000000-0005-0000-0000-00001F010000}"/>
    <cellStyle name="Comma 5 2 3 3" xfId="771" xr:uid="{00000000-0005-0000-0000-000020010000}"/>
    <cellStyle name="Comma 5 2 4" xfId="769" xr:uid="{00000000-0005-0000-0000-000021010000}"/>
    <cellStyle name="Comma 5 3" xfId="149" xr:uid="{00000000-0005-0000-0000-000022010000}"/>
    <cellStyle name="Comma 6" xfId="66" xr:uid="{00000000-0005-0000-0000-000023010000}"/>
    <cellStyle name="Comma 6 2" xfId="302" xr:uid="{00000000-0005-0000-0000-000024010000}"/>
    <cellStyle name="Comma 6 2 2" xfId="651" xr:uid="{00000000-0005-0000-0000-000025010000}"/>
    <cellStyle name="Comma 6 2 2 2" xfId="775" xr:uid="{00000000-0005-0000-0000-000026010000}"/>
    <cellStyle name="Comma 6 2 3" xfId="673" xr:uid="{00000000-0005-0000-0000-000027010000}"/>
    <cellStyle name="Comma 6 2 3 2" xfId="704" xr:uid="{00000000-0005-0000-0000-000028010000}"/>
    <cellStyle name="Comma 6 2 3 2 2" xfId="777" xr:uid="{00000000-0005-0000-0000-000029010000}"/>
    <cellStyle name="Comma 6 2 3 3" xfId="776" xr:uid="{00000000-0005-0000-0000-00002A010000}"/>
    <cellStyle name="Comma 6 2 4" xfId="774" xr:uid="{00000000-0005-0000-0000-00002B010000}"/>
    <cellStyle name="Comma 6 3" xfId="650" xr:uid="{00000000-0005-0000-0000-00002C010000}"/>
    <cellStyle name="Comma 6 3 2" xfId="778" xr:uid="{00000000-0005-0000-0000-00002D010000}"/>
    <cellStyle name="Comma 6 4" xfId="672" xr:uid="{00000000-0005-0000-0000-00002E010000}"/>
    <cellStyle name="Comma 6 4 2" xfId="705" xr:uid="{00000000-0005-0000-0000-00002F010000}"/>
    <cellStyle name="Comma 6 4 2 2" xfId="780" xr:uid="{00000000-0005-0000-0000-000030010000}"/>
    <cellStyle name="Comma 6 4 3" xfId="779" xr:uid="{00000000-0005-0000-0000-000031010000}"/>
    <cellStyle name="Comma 6 5" xfId="773" xr:uid="{00000000-0005-0000-0000-000032010000}"/>
    <cellStyle name="Comma 6 6" xfId="827" xr:uid="{00000000-0005-0000-0000-000033010000}"/>
    <cellStyle name="Comma 7" xfId="58" xr:uid="{00000000-0005-0000-0000-000034010000}"/>
    <cellStyle name="Comma 7 2" xfId="346" xr:uid="{00000000-0005-0000-0000-000035010000}"/>
    <cellStyle name="Comma 7 2 2" xfId="653" xr:uid="{00000000-0005-0000-0000-000036010000}"/>
    <cellStyle name="Comma 7 2 2 2" xfId="783" xr:uid="{00000000-0005-0000-0000-000037010000}"/>
    <cellStyle name="Comma 7 2 3" xfId="675" xr:uid="{00000000-0005-0000-0000-000038010000}"/>
    <cellStyle name="Comma 7 2 3 2" xfId="706" xr:uid="{00000000-0005-0000-0000-000039010000}"/>
    <cellStyle name="Comma 7 2 3 2 2" xfId="785" xr:uid="{00000000-0005-0000-0000-00003A010000}"/>
    <cellStyle name="Comma 7 2 3 3" xfId="784" xr:uid="{00000000-0005-0000-0000-00003B010000}"/>
    <cellStyle name="Comma 7 2 4" xfId="782" xr:uid="{00000000-0005-0000-0000-00003C010000}"/>
    <cellStyle name="Comma 7 3" xfId="652" xr:uid="{00000000-0005-0000-0000-00003D010000}"/>
    <cellStyle name="Comma 7 3 2" xfId="786" xr:uid="{00000000-0005-0000-0000-00003E010000}"/>
    <cellStyle name="Comma 7 4" xfId="674" xr:uid="{00000000-0005-0000-0000-00003F010000}"/>
    <cellStyle name="Comma 7 4 2" xfId="707" xr:uid="{00000000-0005-0000-0000-000040010000}"/>
    <cellStyle name="Comma 7 4 2 2" xfId="788" xr:uid="{00000000-0005-0000-0000-000041010000}"/>
    <cellStyle name="Comma 7 4 3" xfId="787" xr:uid="{00000000-0005-0000-0000-000042010000}"/>
    <cellStyle name="Comma 7 5" xfId="781" xr:uid="{00000000-0005-0000-0000-000043010000}"/>
    <cellStyle name="Comma 8" xfId="347" xr:uid="{00000000-0005-0000-0000-000044010000}"/>
    <cellStyle name="Comma 8 2" xfId="654" xr:uid="{00000000-0005-0000-0000-000045010000}"/>
    <cellStyle name="Comma 8 2 2" xfId="790" xr:uid="{00000000-0005-0000-0000-000046010000}"/>
    <cellStyle name="Comma 8 3" xfId="676" xr:uid="{00000000-0005-0000-0000-000047010000}"/>
    <cellStyle name="Comma 8 3 2" xfId="708" xr:uid="{00000000-0005-0000-0000-000048010000}"/>
    <cellStyle name="Comma 8 3 2 2" xfId="792" xr:uid="{00000000-0005-0000-0000-000049010000}"/>
    <cellStyle name="Comma 8 3 3" xfId="791" xr:uid="{00000000-0005-0000-0000-00004A010000}"/>
    <cellStyle name="Comma 8 4" xfId="789" xr:uid="{00000000-0005-0000-0000-00004B010000}"/>
    <cellStyle name="Comma 9" xfId="637" xr:uid="{00000000-0005-0000-0000-00004C010000}"/>
    <cellStyle name="Comma 9 2" xfId="793" xr:uid="{00000000-0005-0000-0000-00004D010000}"/>
    <cellStyle name="Dålig" xfId="67" xr:uid="{00000000-0005-0000-0000-00004E010000}"/>
    <cellStyle name="Dålig 2" xfId="241" xr:uid="{00000000-0005-0000-0000-00004F010000}"/>
    <cellStyle name="Euro" xfId="68" xr:uid="{00000000-0005-0000-0000-000050010000}"/>
    <cellStyle name="Euro 2" xfId="69" xr:uid="{00000000-0005-0000-0000-000051010000}"/>
    <cellStyle name="Euro 2 2" xfId="150" xr:uid="{00000000-0005-0000-0000-000052010000}"/>
    <cellStyle name="Euro 3" xfId="348" xr:uid="{00000000-0005-0000-0000-000053010000}"/>
    <cellStyle name="Euro 3 2" xfId="349" xr:uid="{00000000-0005-0000-0000-000054010000}"/>
    <cellStyle name="Euro 4" xfId="350" xr:uid="{00000000-0005-0000-0000-000055010000}"/>
    <cellStyle name="Euro 5" xfId="351" xr:uid="{00000000-0005-0000-0000-000056010000}"/>
    <cellStyle name="Euro 5 2" xfId="677" xr:uid="{00000000-0005-0000-0000-000057010000}"/>
    <cellStyle name="Euro 6" xfId="621" xr:uid="{00000000-0005-0000-0000-000058010000}"/>
    <cellStyle name="Explanatory Text 2" xfId="70" xr:uid="{00000000-0005-0000-0000-000059010000}"/>
    <cellStyle name="Explanatory Text 2 2" xfId="242" xr:uid="{00000000-0005-0000-0000-00005A010000}"/>
    <cellStyle name="Explanatory Text 2 2 2" xfId="622" xr:uid="{00000000-0005-0000-0000-00005B010000}"/>
    <cellStyle name="Explanatory Text 3" xfId="352" xr:uid="{00000000-0005-0000-0000-00005C010000}"/>
    <cellStyle name="Färg1" xfId="71" xr:uid="{00000000-0005-0000-0000-00005D010000}"/>
    <cellStyle name="Färg1 2" xfId="243" xr:uid="{00000000-0005-0000-0000-00005E010000}"/>
    <cellStyle name="Färg2" xfId="72" xr:uid="{00000000-0005-0000-0000-00005F010000}"/>
    <cellStyle name="Färg2 2" xfId="244" xr:uid="{00000000-0005-0000-0000-000060010000}"/>
    <cellStyle name="Färg3" xfId="73" xr:uid="{00000000-0005-0000-0000-000061010000}"/>
    <cellStyle name="Färg3 2" xfId="245" xr:uid="{00000000-0005-0000-0000-000062010000}"/>
    <cellStyle name="Färg4" xfId="74" xr:uid="{00000000-0005-0000-0000-000063010000}"/>
    <cellStyle name="Färg4 2" xfId="246" xr:uid="{00000000-0005-0000-0000-000064010000}"/>
    <cellStyle name="Färg5" xfId="75" xr:uid="{00000000-0005-0000-0000-000065010000}"/>
    <cellStyle name="Färg6" xfId="76" xr:uid="{00000000-0005-0000-0000-000066010000}"/>
    <cellStyle name="Färg6 2" xfId="247" xr:uid="{00000000-0005-0000-0000-000067010000}"/>
    <cellStyle name="Förklarande text" xfId="77" xr:uid="{00000000-0005-0000-0000-000068010000}"/>
    <cellStyle name="Good 2" xfId="78" xr:uid="{00000000-0005-0000-0000-000069010000}"/>
    <cellStyle name="Good 2 2" xfId="248" xr:uid="{00000000-0005-0000-0000-00006A010000}"/>
    <cellStyle name="Good 2 2 2" xfId="623" xr:uid="{00000000-0005-0000-0000-00006B010000}"/>
    <cellStyle name="Good 3" xfId="353" xr:uid="{00000000-0005-0000-0000-00006C010000}"/>
    <cellStyle name="GPM_Allocation" xfId="79" xr:uid="{00000000-0005-0000-0000-00006D010000}"/>
    <cellStyle name="Heading 1 2" xfId="80" xr:uid="{00000000-0005-0000-0000-00006E010000}"/>
    <cellStyle name="Heading 1 2 2" xfId="249" xr:uid="{00000000-0005-0000-0000-00006F010000}"/>
    <cellStyle name="Heading 1 2 2 2" xfId="624" xr:uid="{00000000-0005-0000-0000-000070010000}"/>
    <cellStyle name="Heading 1 2 3" xfId="863" xr:uid="{00000000-0005-0000-0000-000071010000}"/>
    <cellStyle name="Heading 1 3" xfId="354" xr:uid="{00000000-0005-0000-0000-000072010000}"/>
    <cellStyle name="Heading 2 2" xfId="82" xr:uid="{00000000-0005-0000-0000-000073010000}"/>
    <cellStyle name="Heading 2 2 2" xfId="250" xr:uid="{00000000-0005-0000-0000-000074010000}"/>
    <cellStyle name="Heading 2 3" xfId="81" xr:uid="{00000000-0005-0000-0000-000075010000}"/>
    <cellStyle name="Heading 2 4" xfId="355" xr:uid="{00000000-0005-0000-0000-000076010000}"/>
    <cellStyle name="Heading 2 5" xfId="880" xr:uid="{858062B5-80C5-4AC8-9647-57A78B7239AC}"/>
    <cellStyle name="Heading 3 2" xfId="83" xr:uid="{00000000-0005-0000-0000-000077010000}"/>
    <cellStyle name="Heading 3 2 2" xfId="251" xr:uid="{00000000-0005-0000-0000-000078010000}"/>
    <cellStyle name="Heading 3 2 2 2" xfId="625" xr:uid="{00000000-0005-0000-0000-000079010000}"/>
    <cellStyle name="Heading 3 3" xfId="356" xr:uid="{00000000-0005-0000-0000-00007A010000}"/>
    <cellStyle name="Heading 4 2" xfId="84" xr:uid="{00000000-0005-0000-0000-00007B010000}"/>
    <cellStyle name="Heading 4 2 2" xfId="252" xr:uid="{00000000-0005-0000-0000-00007C010000}"/>
    <cellStyle name="Heading 4 2 2 2" xfId="626" xr:uid="{00000000-0005-0000-0000-00007D010000}"/>
    <cellStyle name="Heading 4 3" xfId="357" xr:uid="{00000000-0005-0000-0000-00007E010000}"/>
    <cellStyle name="HeadingTable" xfId="85" xr:uid="{00000000-0005-0000-0000-00007F010000}"/>
    <cellStyle name="Hyperlink 2" xfId="253" xr:uid="{00000000-0005-0000-0000-000080010000}"/>
    <cellStyle name="Hyperlink 3" xfId="869" xr:uid="{00000000-0005-0000-0000-000081010000}"/>
    <cellStyle name="Indata" xfId="86" xr:uid="{00000000-0005-0000-0000-000082010000}"/>
    <cellStyle name="Indata 2" xfId="254" xr:uid="{00000000-0005-0000-0000-000083010000}"/>
    <cellStyle name="Input 2" xfId="87" xr:uid="{00000000-0005-0000-0000-000084010000}"/>
    <cellStyle name="Input 2 2" xfId="255" xr:uid="{00000000-0005-0000-0000-000085010000}"/>
    <cellStyle name="Input 2 2 2" xfId="627" xr:uid="{00000000-0005-0000-0000-000086010000}"/>
    <cellStyle name="Input 3" xfId="358" xr:uid="{00000000-0005-0000-0000-000087010000}"/>
    <cellStyle name="Kontrollcell" xfId="88" xr:uid="{00000000-0005-0000-0000-000088010000}"/>
    <cellStyle name="Linked Cell 2" xfId="89" xr:uid="{00000000-0005-0000-0000-000089010000}"/>
    <cellStyle name="Linked Cell 2 2" xfId="256" xr:uid="{00000000-0005-0000-0000-00008A010000}"/>
    <cellStyle name="Linked Cell 2 2 2" xfId="628" xr:uid="{00000000-0005-0000-0000-00008B010000}"/>
    <cellStyle name="Linked Cell 3" xfId="359" xr:uid="{00000000-0005-0000-0000-00008C010000}"/>
    <cellStyle name="Länkad cell" xfId="90" xr:uid="{00000000-0005-0000-0000-00008D010000}"/>
    <cellStyle name="Länkad cell 2" xfId="257" xr:uid="{00000000-0005-0000-0000-00008E010000}"/>
    <cellStyle name="Milliers [0]_3A_NumeratorReport_Option1_040611" xfId="258" xr:uid="{00000000-0005-0000-0000-00008F010000}"/>
    <cellStyle name="Milliers_3A_NumeratorReport_Option1_040611" xfId="259" xr:uid="{00000000-0005-0000-0000-000090010000}"/>
    <cellStyle name="Monétaire [0]_3A_NumeratorReport_Option1_040611" xfId="260" xr:uid="{00000000-0005-0000-0000-000091010000}"/>
    <cellStyle name="Monétaire_3A_NumeratorReport_Option1_040611" xfId="261" xr:uid="{00000000-0005-0000-0000-000092010000}"/>
    <cellStyle name="Neutral 2" xfId="91" xr:uid="{00000000-0005-0000-0000-000093010000}"/>
    <cellStyle name="Neutral 2 2" xfId="262" xr:uid="{00000000-0005-0000-0000-000094010000}"/>
    <cellStyle name="Neutral 2 2 2" xfId="629" xr:uid="{00000000-0005-0000-0000-000095010000}"/>
    <cellStyle name="Neutral 3" xfId="360" xr:uid="{00000000-0005-0000-0000-000096010000}"/>
    <cellStyle name="Normaallaad_alco08.04" xfId="92" xr:uid="{00000000-0005-0000-0000-000097010000}"/>
    <cellStyle name="Normal" xfId="0" builtinId="0" customBuiltin="1"/>
    <cellStyle name="Normal 10" xfId="307" xr:uid="{00000000-0005-0000-0000-000099010000}"/>
    <cellStyle name="Normal 10 2" xfId="361" xr:uid="{00000000-0005-0000-0000-00009A010000}"/>
    <cellStyle name="Normal 10 2 2" xfId="362" xr:uid="{00000000-0005-0000-0000-00009B010000}"/>
    <cellStyle name="Normal 10 2 3" xfId="363" xr:uid="{00000000-0005-0000-0000-00009C010000}"/>
    <cellStyle name="Normal 10 3" xfId="364" xr:uid="{00000000-0005-0000-0000-00009D010000}"/>
    <cellStyle name="Normal 10 4" xfId="365" xr:uid="{00000000-0005-0000-0000-00009E010000}"/>
    <cellStyle name="Normal 11" xfId="309" xr:uid="{00000000-0005-0000-0000-00009F010000}"/>
    <cellStyle name="Normal 11 2" xfId="366" xr:uid="{00000000-0005-0000-0000-0000A0010000}"/>
    <cellStyle name="Normal 12" xfId="367" xr:uid="{00000000-0005-0000-0000-0000A1010000}"/>
    <cellStyle name="Normal 12 2" xfId="678" xr:uid="{00000000-0005-0000-0000-0000A2010000}"/>
    <cellStyle name="Normal 13" xfId="590" xr:uid="{00000000-0005-0000-0000-0000A3010000}"/>
    <cellStyle name="Normal 13 2" xfId="687" xr:uid="{00000000-0005-0000-0000-0000A4010000}"/>
    <cellStyle name="Normal 13 2 2" xfId="710" xr:uid="{00000000-0005-0000-0000-0000A5010000}"/>
    <cellStyle name="Normal 13 2 2 2" xfId="796" xr:uid="{00000000-0005-0000-0000-0000A6010000}"/>
    <cellStyle name="Normal 13 2 2 2 2" xfId="805" xr:uid="{00000000-0005-0000-0000-0000A7010000}"/>
    <cellStyle name="Normal 13 2 2 2 2 2" xfId="845" xr:uid="{00000000-0005-0000-0000-0000A8010000}"/>
    <cellStyle name="Normal 13 2 2 2 3" xfId="839" xr:uid="{00000000-0005-0000-0000-0000A9010000}"/>
    <cellStyle name="Normal 13 2 2 3" xfId="806" xr:uid="{00000000-0005-0000-0000-0000AA010000}"/>
    <cellStyle name="Normal 13 2 2 3 2" xfId="846" xr:uid="{00000000-0005-0000-0000-0000AB010000}"/>
    <cellStyle name="Normal 13 2 2 4" xfId="833" xr:uid="{00000000-0005-0000-0000-0000AC010000}"/>
    <cellStyle name="Normal 13 2 3" xfId="795" xr:uid="{00000000-0005-0000-0000-0000AD010000}"/>
    <cellStyle name="Normal 13 2 3 2" xfId="807" xr:uid="{00000000-0005-0000-0000-0000AE010000}"/>
    <cellStyle name="Normal 13 2 3 2 2" xfId="847" xr:uid="{00000000-0005-0000-0000-0000AF010000}"/>
    <cellStyle name="Normal 13 2 3 3" xfId="838" xr:uid="{00000000-0005-0000-0000-0000B0010000}"/>
    <cellStyle name="Normal 13 2 4" xfId="808" xr:uid="{00000000-0005-0000-0000-0000B1010000}"/>
    <cellStyle name="Normal 13 2 4 2" xfId="848" xr:uid="{00000000-0005-0000-0000-0000B2010000}"/>
    <cellStyle name="Normal 13 2 5" xfId="831" xr:uid="{00000000-0005-0000-0000-0000B3010000}"/>
    <cellStyle name="Normal 13 3" xfId="679" xr:uid="{00000000-0005-0000-0000-0000B4010000}"/>
    <cellStyle name="Normal 13 3 2" xfId="711" xr:uid="{00000000-0005-0000-0000-0000B5010000}"/>
    <cellStyle name="Normal 13 3 2 2" xfId="798" xr:uid="{00000000-0005-0000-0000-0000B6010000}"/>
    <cellStyle name="Normal 13 3 2 2 2" xfId="809" xr:uid="{00000000-0005-0000-0000-0000B7010000}"/>
    <cellStyle name="Normal 13 3 2 2 2 2" xfId="849" xr:uid="{00000000-0005-0000-0000-0000B8010000}"/>
    <cellStyle name="Normal 13 3 2 2 3" xfId="841" xr:uid="{00000000-0005-0000-0000-0000B9010000}"/>
    <cellStyle name="Normal 13 3 2 3" xfId="810" xr:uid="{00000000-0005-0000-0000-0000BA010000}"/>
    <cellStyle name="Normal 13 3 2 3 2" xfId="850" xr:uid="{00000000-0005-0000-0000-0000BB010000}"/>
    <cellStyle name="Normal 13 3 2 4" xfId="834" xr:uid="{00000000-0005-0000-0000-0000BC010000}"/>
    <cellStyle name="Normal 13 3 3" xfId="797" xr:uid="{00000000-0005-0000-0000-0000BD010000}"/>
    <cellStyle name="Normal 13 3 3 2" xfId="811" xr:uid="{00000000-0005-0000-0000-0000BE010000}"/>
    <cellStyle name="Normal 13 3 3 2 2" xfId="851" xr:uid="{00000000-0005-0000-0000-0000BF010000}"/>
    <cellStyle name="Normal 13 3 3 3" xfId="840" xr:uid="{00000000-0005-0000-0000-0000C0010000}"/>
    <cellStyle name="Normal 13 3 4" xfId="812" xr:uid="{00000000-0005-0000-0000-0000C1010000}"/>
    <cellStyle name="Normal 13 3 4 2" xfId="852" xr:uid="{00000000-0005-0000-0000-0000C2010000}"/>
    <cellStyle name="Normal 13 3 5" xfId="829" xr:uid="{00000000-0005-0000-0000-0000C3010000}"/>
    <cellStyle name="Normal 13 4" xfId="709" xr:uid="{00000000-0005-0000-0000-0000C4010000}"/>
    <cellStyle name="Normal 13 4 2" xfId="799" xr:uid="{00000000-0005-0000-0000-0000C5010000}"/>
    <cellStyle name="Normal 13 4 2 2" xfId="813" xr:uid="{00000000-0005-0000-0000-0000C6010000}"/>
    <cellStyle name="Normal 13 4 2 2 2" xfId="853" xr:uid="{00000000-0005-0000-0000-0000C7010000}"/>
    <cellStyle name="Normal 13 4 2 3" xfId="842" xr:uid="{00000000-0005-0000-0000-0000C8010000}"/>
    <cellStyle name="Normal 13 4 3" xfId="814" xr:uid="{00000000-0005-0000-0000-0000C9010000}"/>
    <cellStyle name="Normal 13 4 3 2" xfId="854" xr:uid="{00000000-0005-0000-0000-0000CA010000}"/>
    <cellStyle name="Normal 13 4 4" xfId="832" xr:uid="{00000000-0005-0000-0000-0000CB010000}"/>
    <cellStyle name="Normal 13 5" xfId="794" xr:uid="{00000000-0005-0000-0000-0000CC010000}"/>
    <cellStyle name="Normal 13 5 2" xfId="815" xr:uid="{00000000-0005-0000-0000-0000CD010000}"/>
    <cellStyle name="Normal 13 5 2 2" xfId="855" xr:uid="{00000000-0005-0000-0000-0000CE010000}"/>
    <cellStyle name="Normal 13 5 3" xfId="837" xr:uid="{00000000-0005-0000-0000-0000CF010000}"/>
    <cellStyle name="Normal 13 6" xfId="816" xr:uid="{00000000-0005-0000-0000-0000D0010000}"/>
    <cellStyle name="Normal 13 6 2" xfId="856" xr:uid="{00000000-0005-0000-0000-0000D1010000}"/>
    <cellStyle name="Normal 13 7" xfId="828" xr:uid="{00000000-0005-0000-0000-0000D2010000}"/>
    <cellStyle name="Normal 14" xfId="656" xr:uid="{00000000-0005-0000-0000-0000D3010000}"/>
    <cellStyle name="Normal 14 2" xfId="689" xr:uid="{00000000-0005-0000-0000-0000D4010000}"/>
    <cellStyle name="Normal 14 2 2" xfId="804" xr:uid="{00000000-0005-0000-0000-0000D5010000}"/>
    <cellStyle name="Normal 14 3" xfId="683" xr:uid="{00000000-0005-0000-0000-0000D6010000}"/>
    <cellStyle name="Normal 14 3 2" xfId="712" xr:uid="{00000000-0005-0000-0000-0000D7010000}"/>
    <cellStyle name="Normal 14 3 2 2" xfId="801" xr:uid="{00000000-0005-0000-0000-0000D8010000}"/>
    <cellStyle name="Normal 14 3 2 2 2" xfId="817" xr:uid="{00000000-0005-0000-0000-0000D9010000}"/>
    <cellStyle name="Normal 14 3 2 2 2 2" xfId="857" xr:uid="{00000000-0005-0000-0000-0000DA010000}"/>
    <cellStyle name="Normal 14 3 2 2 3" xfId="844" xr:uid="{00000000-0005-0000-0000-0000DB010000}"/>
    <cellStyle name="Normal 14 3 2 3" xfId="818" xr:uid="{00000000-0005-0000-0000-0000DC010000}"/>
    <cellStyle name="Normal 14 3 2 3 2" xfId="858" xr:uid="{00000000-0005-0000-0000-0000DD010000}"/>
    <cellStyle name="Normal 14 3 2 4" xfId="835" xr:uid="{00000000-0005-0000-0000-0000DE010000}"/>
    <cellStyle name="Normal 14 3 3" xfId="800" xr:uid="{00000000-0005-0000-0000-0000DF010000}"/>
    <cellStyle name="Normal 14 3 3 2" xfId="819" xr:uid="{00000000-0005-0000-0000-0000E0010000}"/>
    <cellStyle name="Normal 14 3 3 2 2" xfId="859" xr:uid="{00000000-0005-0000-0000-0000E1010000}"/>
    <cellStyle name="Normal 14 3 3 3" xfId="843" xr:uid="{00000000-0005-0000-0000-0000E2010000}"/>
    <cellStyle name="Normal 14 3 4" xfId="820" xr:uid="{00000000-0005-0000-0000-0000E3010000}"/>
    <cellStyle name="Normal 14 3 4 2" xfId="860" xr:uid="{00000000-0005-0000-0000-0000E4010000}"/>
    <cellStyle name="Normal 14 3 5" xfId="830" xr:uid="{00000000-0005-0000-0000-0000E5010000}"/>
    <cellStyle name="Normal 15" xfId="684" xr:uid="{00000000-0005-0000-0000-0000E6010000}"/>
    <cellStyle name="Normal 15 2" xfId="713" xr:uid="{00000000-0005-0000-0000-0000E7010000}"/>
    <cellStyle name="Normal 16" xfId="714" xr:uid="{00000000-0005-0000-0000-0000E8010000}"/>
    <cellStyle name="Normal 16 2" xfId="802" xr:uid="{00000000-0005-0000-0000-0000E9010000}"/>
    <cellStyle name="Normal 17" xfId="715" xr:uid="{00000000-0005-0000-0000-0000EA010000}"/>
    <cellStyle name="Normal 17 2" xfId="821" xr:uid="{00000000-0005-0000-0000-0000EB010000}"/>
    <cellStyle name="Normal 17 2 2" xfId="861" xr:uid="{00000000-0005-0000-0000-0000EC010000}"/>
    <cellStyle name="Normal 17 3" xfId="836" xr:uid="{00000000-0005-0000-0000-0000ED010000}"/>
    <cellStyle name="Normal 18" xfId="803" xr:uid="{00000000-0005-0000-0000-0000EE010000}"/>
    <cellStyle name="Normal 19" xfId="823" xr:uid="{00000000-0005-0000-0000-0000EF010000}"/>
    <cellStyle name="Normal 2" xfId="1" xr:uid="{00000000-0005-0000-0000-0000F0010000}"/>
    <cellStyle name="Normal 2 10" xfId="591" xr:uid="{00000000-0005-0000-0000-0000F1010000}"/>
    <cellStyle name="Normal 2 11" xfId="655" xr:uid="{00000000-0005-0000-0000-0000F2010000}"/>
    <cellStyle name="Normal 2 12" xfId="864" xr:uid="{00000000-0005-0000-0000-0000F3010000}"/>
    <cellStyle name="Normal 2 2" xfId="94" xr:uid="{00000000-0005-0000-0000-0000F4010000}"/>
    <cellStyle name="Normal 2 2 10" xfId="165" xr:uid="{00000000-0005-0000-0000-0000F5010000}"/>
    <cellStyle name="Normal 2 2 10 2" xfId="368" xr:uid="{00000000-0005-0000-0000-0000F6010000}"/>
    <cellStyle name="Normal 2 2 10 3" xfId="369" xr:uid="{00000000-0005-0000-0000-0000F7010000}"/>
    <cellStyle name="Normal 2 2 11" xfId="151" xr:uid="{00000000-0005-0000-0000-0000F8010000}"/>
    <cellStyle name="Normal 2 2 11 2" xfId="630" xr:uid="{00000000-0005-0000-0000-0000F9010000}"/>
    <cellStyle name="Normal 2 2 12" xfId="370" xr:uid="{00000000-0005-0000-0000-0000FA010000}"/>
    <cellStyle name="Normal 2 2 13" xfId="371" xr:uid="{00000000-0005-0000-0000-0000FB010000}"/>
    <cellStyle name="Normal 2 2 2" xfId="95" xr:uid="{00000000-0005-0000-0000-0000FC010000}"/>
    <cellStyle name="Normal 2 2 2 2" xfId="152" xr:uid="{00000000-0005-0000-0000-0000FD010000}"/>
    <cellStyle name="Normal 2 2 3" xfId="96" xr:uid="{00000000-0005-0000-0000-0000FE010000}"/>
    <cellStyle name="Normal 2 2 3 10" xfId="372" xr:uid="{00000000-0005-0000-0000-0000FF010000}"/>
    <cellStyle name="Normal 2 2 3 2" xfId="171" xr:uid="{00000000-0005-0000-0000-000000020000}"/>
    <cellStyle name="Normal 2 2 3 2 2" xfId="183" xr:uid="{00000000-0005-0000-0000-000001020000}"/>
    <cellStyle name="Normal 2 2 3 2 2 2" xfId="373" xr:uid="{00000000-0005-0000-0000-000002020000}"/>
    <cellStyle name="Normal 2 2 3 2 2 2 2" xfId="374" xr:uid="{00000000-0005-0000-0000-000003020000}"/>
    <cellStyle name="Normal 2 2 3 2 2 2 3" xfId="375" xr:uid="{00000000-0005-0000-0000-000004020000}"/>
    <cellStyle name="Normal 2 2 3 2 2 3" xfId="376" xr:uid="{00000000-0005-0000-0000-000005020000}"/>
    <cellStyle name="Normal 2 2 3 2 2 4" xfId="377" xr:uid="{00000000-0005-0000-0000-000006020000}"/>
    <cellStyle name="Normal 2 2 3 2 3" xfId="196" xr:uid="{00000000-0005-0000-0000-000007020000}"/>
    <cellStyle name="Normal 2 2 3 2 3 2" xfId="378" xr:uid="{00000000-0005-0000-0000-000008020000}"/>
    <cellStyle name="Normal 2 2 3 2 3 2 2" xfId="379" xr:uid="{00000000-0005-0000-0000-000009020000}"/>
    <cellStyle name="Normal 2 2 3 2 3 2 3" xfId="380" xr:uid="{00000000-0005-0000-0000-00000A020000}"/>
    <cellStyle name="Normal 2 2 3 2 3 3" xfId="381" xr:uid="{00000000-0005-0000-0000-00000B020000}"/>
    <cellStyle name="Normal 2 2 3 2 3 4" xfId="382" xr:uid="{00000000-0005-0000-0000-00000C020000}"/>
    <cellStyle name="Normal 2 2 3 2 4" xfId="280" xr:uid="{00000000-0005-0000-0000-00000D020000}"/>
    <cellStyle name="Normal 2 2 3 2 4 2" xfId="383" xr:uid="{00000000-0005-0000-0000-00000E020000}"/>
    <cellStyle name="Normal 2 2 3 2 4 2 2" xfId="384" xr:uid="{00000000-0005-0000-0000-00000F020000}"/>
    <cellStyle name="Normal 2 2 3 2 4 2 3" xfId="385" xr:uid="{00000000-0005-0000-0000-000010020000}"/>
    <cellStyle name="Normal 2 2 3 2 4 3" xfId="386" xr:uid="{00000000-0005-0000-0000-000011020000}"/>
    <cellStyle name="Normal 2 2 3 2 4 4" xfId="387" xr:uid="{00000000-0005-0000-0000-000012020000}"/>
    <cellStyle name="Normal 2 2 3 2 5" xfId="388" xr:uid="{00000000-0005-0000-0000-000013020000}"/>
    <cellStyle name="Normal 2 2 3 2 5 2" xfId="389" xr:uid="{00000000-0005-0000-0000-000014020000}"/>
    <cellStyle name="Normal 2 2 3 2 5 3" xfId="390" xr:uid="{00000000-0005-0000-0000-000015020000}"/>
    <cellStyle name="Normal 2 2 3 2 6" xfId="391" xr:uid="{00000000-0005-0000-0000-000016020000}"/>
    <cellStyle name="Normal 2 2 3 2 7" xfId="392" xr:uid="{00000000-0005-0000-0000-000017020000}"/>
    <cellStyle name="Normal 2 2 3 2 8" xfId="393" xr:uid="{00000000-0005-0000-0000-000018020000}"/>
    <cellStyle name="Normal 2 2 3 3" xfId="182" xr:uid="{00000000-0005-0000-0000-000019020000}"/>
    <cellStyle name="Normal 2 2 3 3 2" xfId="394" xr:uid="{00000000-0005-0000-0000-00001A020000}"/>
    <cellStyle name="Normal 2 2 3 3 2 2" xfId="395" xr:uid="{00000000-0005-0000-0000-00001B020000}"/>
    <cellStyle name="Normal 2 2 3 3 2 3" xfId="396" xr:uid="{00000000-0005-0000-0000-00001C020000}"/>
    <cellStyle name="Normal 2 2 3 3 3" xfId="397" xr:uid="{00000000-0005-0000-0000-00001D020000}"/>
    <cellStyle name="Normal 2 2 3 3 4" xfId="398" xr:uid="{00000000-0005-0000-0000-00001E020000}"/>
    <cellStyle name="Normal 2 2 3 4" xfId="194" xr:uid="{00000000-0005-0000-0000-00001F020000}"/>
    <cellStyle name="Normal 2 2 3 4 2" xfId="399" xr:uid="{00000000-0005-0000-0000-000020020000}"/>
    <cellStyle name="Normal 2 2 3 4 2 2" xfId="400" xr:uid="{00000000-0005-0000-0000-000021020000}"/>
    <cellStyle name="Normal 2 2 3 4 2 3" xfId="401" xr:uid="{00000000-0005-0000-0000-000022020000}"/>
    <cellStyle name="Normal 2 2 3 4 3" xfId="402" xr:uid="{00000000-0005-0000-0000-000023020000}"/>
    <cellStyle name="Normal 2 2 3 4 4" xfId="403" xr:uid="{00000000-0005-0000-0000-000024020000}"/>
    <cellStyle name="Normal 2 2 3 5" xfId="277" xr:uid="{00000000-0005-0000-0000-000025020000}"/>
    <cellStyle name="Normal 2 2 3 5 2" xfId="404" xr:uid="{00000000-0005-0000-0000-000026020000}"/>
    <cellStyle name="Normal 2 2 3 5 2 2" xfId="405" xr:uid="{00000000-0005-0000-0000-000027020000}"/>
    <cellStyle name="Normal 2 2 3 5 2 3" xfId="406" xr:uid="{00000000-0005-0000-0000-000028020000}"/>
    <cellStyle name="Normal 2 2 3 5 3" xfId="407" xr:uid="{00000000-0005-0000-0000-000029020000}"/>
    <cellStyle name="Normal 2 2 3 5 4" xfId="408" xr:uid="{00000000-0005-0000-0000-00002A020000}"/>
    <cellStyle name="Normal 2 2 3 6" xfId="306" xr:uid="{00000000-0005-0000-0000-00002B020000}"/>
    <cellStyle name="Normal 2 2 3 6 2" xfId="409" xr:uid="{00000000-0005-0000-0000-00002C020000}"/>
    <cellStyle name="Normal 2 2 3 6 2 2" xfId="410" xr:uid="{00000000-0005-0000-0000-00002D020000}"/>
    <cellStyle name="Normal 2 2 3 6 2 3" xfId="411" xr:uid="{00000000-0005-0000-0000-00002E020000}"/>
    <cellStyle name="Normal 2 2 3 6 3" xfId="412" xr:uid="{00000000-0005-0000-0000-00002F020000}"/>
    <cellStyle name="Normal 2 2 3 6 4" xfId="413" xr:uid="{00000000-0005-0000-0000-000030020000}"/>
    <cellStyle name="Normal 2 2 3 7" xfId="168" xr:uid="{00000000-0005-0000-0000-000031020000}"/>
    <cellStyle name="Normal 2 2 3 7 2" xfId="414" xr:uid="{00000000-0005-0000-0000-000032020000}"/>
    <cellStyle name="Normal 2 2 3 7 3" xfId="415" xr:uid="{00000000-0005-0000-0000-000033020000}"/>
    <cellStyle name="Normal 2 2 3 8" xfId="153" xr:uid="{00000000-0005-0000-0000-000034020000}"/>
    <cellStyle name="Normal 2 2 3 9" xfId="416" xr:uid="{00000000-0005-0000-0000-000035020000}"/>
    <cellStyle name="Normal 2 2 4" xfId="97" xr:uid="{00000000-0005-0000-0000-000036020000}"/>
    <cellStyle name="Normal 2 2 4 2" xfId="184" xr:uid="{00000000-0005-0000-0000-000037020000}"/>
    <cellStyle name="Normal 2 2 4 2 2" xfId="298" xr:uid="{00000000-0005-0000-0000-000038020000}"/>
    <cellStyle name="Normal 2 2 4 2 2 2" xfId="417" xr:uid="{00000000-0005-0000-0000-000039020000}"/>
    <cellStyle name="Normal 2 2 4 2 2 2 2" xfId="418" xr:uid="{00000000-0005-0000-0000-00003A020000}"/>
    <cellStyle name="Normal 2 2 4 2 2 2 3" xfId="419" xr:uid="{00000000-0005-0000-0000-00003B020000}"/>
    <cellStyle name="Normal 2 2 4 2 2 3" xfId="420" xr:uid="{00000000-0005-0000-0000-00003C020000}"/>
    <cellStyle name="Normal 2 2 4 2 2 4" xfId="421" xr:uid="{00000000-0005-0000-0000-00003D020000}"/>
    <cellStyle name="Normal 2 2 4 2 3" xfId="422" xr:uid="{00000000-0005-0000-0000-00003E020000}"/>
    <cellStyle name="Normal 2 2 4 2 3 2" xfId="423" xr:uid="{00000000-0005-0000-0000-00003F020000}"/>
    <cellStyle name="Normal 2 2 4 2 3 3" xfId="424" xr:uid="{00000000-0005-0000-0000-000040020000}"/>
    <cellStyle name="Normal 2 2 4 2 4" xfId="425" xr:uid="{00000000-0005-0000-0000-000041020000}"/>
    <cellStyle name="Normal 2 2 4 2 5" xfId="426" xr:uid="{00000000-0005-0000-0000-000042020000}"/>
    <cellStyle name="Normal 2 2 4 3" xfId="195" xr:uid="{00000000-0005-0000-0000-000043020000}"/>
    <cellStyle name="Normal 2 2 4 3 2" xfId="427" xr:uid="{00000000-0005-0000-0000-000044020000}"/>
    <cellStyle name="Normal 2 2 4 3 2 2" xfId="428" xr:uid="{00000000-0005-0000-0000-000045020000}"/>
    <cellStyle name="Normal 2 2 4 3 2 3" xfId="429" xr:uid="{00000000-0005-0000-0000-000046020000}"/>
    <cellStyle name="Normal 2 2 4 3 3" xfId="430" xr:uid="{00000000-0005-0000-0000-000047020000}"/>
    <cellStyle name="Normal 2 2 4 3 4" xfId="431" xr:uid="{00000000-0005-0000-0000-000048020000}"/>
    <cellStyle name="Normal 2 2 4 4" xfId="278" xr:uid="{00000000-0005-0000-0000-000049020000}"/>
    <cellStyle name="Normal 2 2 4 4 2" xfId="432" xr:uid="{00000000-0005-0000-0000-00004A020000}"/>
    <cellStyle name="Normal 2 2 4 4 2 2" xfId="433" xr:uid="{00000000-0005-0000-0000-00004B020000}"/>
    <cellStyle name="Normal 2 2 4 4 2 3" xfId="434" xr:uid="{00000000-0005-0000-0000-00004C020000}"/>
    <cellStyle name="Normal 2 2 4 4 3" xfId="435" xr:uid="{00000000-0005-0000-0000-00004D020000}"/>
    <cellStyle name="Normal 2 2 4 4 4" xfId="436" xr:uid="{00000000-0005-0000-0000-00004E020000}"/>
    <cellStyle name="Normal 2 2 4 5" xfId="169" xr:uid="{00000000-0005-0000-0000-00004F020000}"/>
    <cellStyle name="Normal 2 2 4 5 2" xfId="437" xr:uid="{00000000-0005-0000-0000-000050020000}"/>
    <cellStyle name="Normal 2 2 4 5 3" xfId="438" xr:uid="{00000000-0005-0000-0000-000051020000}"/>
    <cellStyle name="Normal 2 2 4 6" xfId="154" xr:uid="{00000000-0005-0000-0000-000052020000}"/>
    <cellStyle name="Normal 2 2 4 7" xfId="439" xr:uid="{00000000-0005-0000-0000-000053020000}"/>
    <cellStyle name="Normal 2 2 4 8" xfId="440" xr:uid="{00000000-0005-0000-0000-000054020000}"/>
    <cellStyle name="Normal 2 2 5" xfId="181" xr:uid="{00000000-0005-0000-0000-000055020000}"/>
    <cellStyle name="Normal 2 2 5 2" xfId="299" xr:uid="{00000000-0005-0000-0000-000056020000}"/>
    <cellStyle name="Normal 2 2 5 2 2" xfId="441" xr:uid="{00000000-0005-0000-0000-000057020000}"/>
    <cellStyle name="Normal 2 2 5 2 2 2" xfId="442" xr:uid="{00000000-0005-0000-0000-000058020000}"/>
    <cellStyle name="Normal 2 2 5 2 2 3" xfId="443" xr:uid="{00000000-0005-0000-0000-000059020000}"/>
    <cellStyle name="Normal 2 2 5 2 3" xfId="444" xr:uid="{00000000-0005-0000-0000-00005A020000}"/>
    <cellStyle name="Normal 2 2 5 2 4" xfId="445" xr:uid="{00000000-0005-0000-0000-00005B020000}"/>
    <cellStyle name="Normal 2 2 5 3" xfId="288" xr:uid="{00000000-0005-0000-0000-00005C020000}"/>
    <cellStyle name="Normal 2 2 5 3 2" xfId="446" xr:uid="{00000000-0005-0000-0000-00005D020000}"/>
    <cellStyle name="Normal 2 2 5 3 2 2" xfId="447" xr:uid="{00000000-0005-0000-0000-00005E020000}"/>
    <cellStyle name="Normal 2 2 5 3 2 3" xfId="448" xr:uid="{00000000-0005-0000-0000-00005F020000}"/>
    <cellStyle name="Normal 2 2 5 3 3" xfId="449" xr:uid="{00000000-0005-0000-0000-000060020000}"/>
    <cellStyle name="Normal 2 2 5 3 4" xfId="450" xr:uid="{00000000-0005-0000-0000-000061020000}"/>
    <cellStyle name="Normal 2 2 5 4" xfId="451" xr:uid="{00000000-0005-0000-0000-000062020000}"/>
    <cellStyle name="Normal 2 2 5 4 2" xfId="452" xr:uid="{00000000-0005-0000-0000-000063020000}"/>
    <cellStyle name="Normal 2 2 5 4 3" xfId="453" xr:uid="{00000000-0005-0000-0000-000064020000}"/>
    <cellStyle name="Normal 2 2 5 5" xfId="454" xr:uid="{00000000-0005-0000-0000-000065020000}"/>
    <cellStyle name="Normal 2 2 5 6" xfId="455" xr:uid="{00000000-0005-0000-0000-000066020000}"/>
    <cellStyle name="Normal 2 2 5 7" xfId="456" xr:uid="{00000000-0005-0000-0000-000067020000}"/>
    <cellStyle name="Normal 2 2 6" xfId="192" xr:uid="{00000000-0005-0000-0000-000068020000}"/>
    <cellStyle name="Normal 2 2 6 2" xfId="300" xr:uid="{00000000-0005-0000-0000-000069020000}"/>
    <cellStyle name="Normal 2 2 6 2 2" xfId="457" xr:uid="{00000000-0005-0000-0000-00006A020000}"/>
    <cellStyle name="Normal 2 2 6 2 2 2" xfId="458" xr:uid="{00000000-0005-0000-0000-00006B020000}"/>
    <cellStyle name="Normal 2 2 6 2 2 3" xfId="459" xr:uid="{00000000-0005-0000-0000-00006C020000}"/>
    <cellStyle name="Normal 2 2 6 2 3" xfId="460" xr:uid="{00000000-0005-0000-0000-00006D020000}"/>
    <cellStyle name="Normal 2 2 6 2 4" xfId="461" xr:uid="{00000000-0005-0000-0000-00006E020000}"/>
    <cellStyle name="Normal 2 2 6 3" xfId="289" xr:uid="{00000000-0005-0000-0000-00006F020000}"/>
    <cellStyle name="Normal 2 2 6 3 2" xfId="462" xr:uid="{00000000-0005-0000-0000-000070020000}"/>
    <cellStyle name="Normal 2 2 6 3 2 2" xfId="463" xr:uid="{00000000-0005-0000-0000-000071020000}"/>
    <cellStyle name="Normal 2 2 6 3 2 3" xfId="464" xr:uid="{00000000-0005-0000-0000-000072020000}"/>
    <cellStyle name="Normal 2 2 6 3 3" xfId="465" xr:uid="{00000000-0005-0000-0000-000073020000}"/>
    <cellStyle name="Normal 2 2 6 3 4" xfId="466" xr:uid="{00000000-0005-0000-0000-000074020000}"/>
    <cellStyle name="Normal 2 2 6 4" xfId="467" xr:uid="{00000000-0005-0000-0000-000075020000}"/>
    <cellStyle name="Normal 2 2 6 4 2" xfId="468" xr:uid="{00000000-0005-0000-0000-000076020000}"/>
    <cellStyle name="Normal 2 2 6 4 3" xfId="469" xr:uid="{00000000-0005-0000-0000-000077020000}"/>
    <cellStyle name="Normal 2 2 6 5" xfId="470" xr:uid="{00000000-0005-0000-0000-000078020000}"/>
    <cellStyle name="Normal 2 2 6 6" xfId="471" xr:uid="{00000000-0005-0000-0000-000079020000}"/>
    <cellStyle name="Normal 2 2 6 7" xfId="472" xr:uid="{00000000-0005-0000-0000-00007A020000}"/>
    <cellStyle name="Normal 2 2 7" xfId="275" xr:uid="{00000000-0005-0000-0000-00007B020000}"/>
    <cellStyle name="Normal 2 2 7 2" xfId="473" xr:uid="{00000000-0005-0000-0000-00007C020000}"/>
    <cellStyle name="Normal 2 2 7 2 2" xfId="474" xr:uid="{00000000-0005-0000-0000-00007D020000}"/>
    <cellStyle name="Normal 2 2 7 2 3" xfId="475" xr:uid="{00000000-0005-0000-0000-00007E020000}"/>
    <cellStyle name="Normal 2 2 7 3" xfId="476" xr:uid="{00000000-0005-0000-0000-00007F020000}"/>
    <cellStyle name="Normal 2 2 7 4" xfId="477" xr:uid="{00000000-0005-0000-0000-000080020000}"/>
    <cellStyle name="Normal 2 2 8" xfId="304" xr:uid="{00000000-0005-0000-0000-000081020000}"/>
    <cellStyle name="Normal 2 2 8 2" xfId="478" xr:uid="{00000000-0005-0000-0000-000082020000}"/>
    <cellStyle name="Normal 2 2 8 2 2" xfId="479" xr:uid="{00000000-0005-0000-0000-000083020000}"/>
    <cellStyle name="Normal 2 2 8 2 3" xfId="480" xr:uid="{00000000-0005-0000-0000-000084020000}"/>
    <cellStyle name="Normal 2 2 8 3" xfId="481" xr:uid="{00000000-0005-0000-0000-000085020000}"/>
    <cellStyle name="Normal 2 2 8 4" xfId="482" xr:uid="{00000000-0005-0000-0000-000086020000}"/>
    <cellStyle name="Normal 2 2 9" xfId="308" xr:uid="{00000000-0005-0000-0000-000087020000}"/>
    <cellStyle name="Normal 2 2 9 2" xfId="483" xr:uid="{00000000-0005-0000-0000-000088020000}"/>
    <cellStyle name="Normal 2 2 9 2 2" xfId="484" xr:uid="{00000000-0005-0000-0000-000089020000}"/>
    <cellStyle name="Normal 2 2 9 2 3" xfId="485" xr:uid="{00000000-0005-0000-0000-00008A020000}"/>
    <cellStyle name="Normal 2 2 9 3" xfId="486" xr:uid="{00000000-0005-0000-0000-00008B020000}"/>
    <cellStyle name="Normal 2 2 9 4" xfId="487" xr:uid="{00000000-0005-0000-0000-00008C020000}"/>
    <cellStyle name="Normal 2 3" xfId="98" xr:uid="{00000000-0005-0000-0000-00008D020000}"/>
    <cellStyle name="Normal 2 3 2" xfId="99" xr:uid="{00000000-0005-0000-0000-00008E020000}"/>
    <cellStyle name="Normal 2 3 2 2" xfId="156" xr:uid="{00000000-0005-0000-0000-00008F020000}"/>
    <cellStyle name="Normal 2 3 3" xfId="155" xr:uid="{00000000-0005-0000-0000-000090020000}"/>
    <cellStyle name="Normal 2 4" xfId="100" xr:uid="{00000000-0005-0000-0000-000091020000}"/>
    <cellStyle name="Normal 2 4 2" xfId="297" xr:uid="{00000000-0005-0000-0000-000092020000}"/>
    <cellStyle name="Normal 2 4 2 2" xfId="488" xr:uid="{00000000-0005-0000-0000-000093020000}"/>
    <cellStyle name="Normal 2 4 2 2 2" xfId="489" xr:uid="{00000000-0005-0000-0000-000094020000}"/>
    <cellStyle name="Normal 2 4 2 2 3" xfId="490" xr:uid="{00000000-0005-0000-0000-000095020000}"/>
    <cellStyle name="Normal 2 4 2 3" xfId="491" xr:uid="{00000000-0005-0000-0000-000096020000}"/>
    <cellStyle name="Normal 2 4 2 4" xfId="492" xr:uid="{00000000-0005-0000-0000-000097020000}"/>
    <cellStyle name="Normal 2 4 3" xfId="283" xr:uid="{00000000-0005-0000-0000-000098020000}"/>
    <cellStyle name="Normal 2 4 3 2" xfId="493" xr:uid="{00000000-0005-0000-0000-000099020000}"/>
    <cellStyle name="Normal 2 4 3 2 2" xfId="494" xr:uid="{00000000-0005-0000-0000-00009A020000}"/>
    <cellStyle name="Normal 2 4 3 2 3" xfId="495" xr:uid="{00000000-0005-0000-0000-00009B020000}"/>
    <cellStyle name="Normal 2 4 3 3" xfId="496" xr:uid="{00000000-0005-0000-0000-00009C020000}"/>
    <cellStyle name="Normal 2 4 3 4" xfId="497" xr:uid="{00000000-0005-0000-0000-00009D020000}"/>
    <cellStyle name="Normal 2 5" xfId="101" xr:uid="{00000000-0005-0000-0000-00009E020000}"/>
    <cellStyle name="Normal 2 5 2" xfId="498" xr:uid="{00000000-0005-0000-0000-00009F020000}"/>
    <cellStyle name="Normal 2 5 2 2" xfId="874" xr:uid="{8EF69E6D-4186-45FB-8724-F2E7E20F733B}"/>
    <cellStyle name="Normal 2 6" xfId="93" xr:uid="{00000000-0005-0000-0000-0000A0020000}"/>
    <cellStyle name="Normal 2 6 2" xfId="293" xr:uid="{00000000-0005-0000-0000-0000A1020000}"/>
    <cellStyle name="Normal 2 6 2 2" xfId="499" xr:uid="{00000000-0005-0000-0000-0000A2020000}"/>
    <cellStyle name="Normal 2 6 2 3" xfId="500" xr:uid="{00000000-0005-0000-0000-0000A3020000}"/>
    <cellStyle name="Normal 2 6 3" xfId="501" xr:uid="{00000000-0005-0000-0000-0000A4020000}"/>
    <cellStyle name="Normal 2 6 4" xfId="502" xr:uid="{00000000-0005-0000-0000-0000A5020000}"/>
    <cellStyle name="Normal 2 6 5" xfId="503" xr:uid="{00000000-0005-0000-0000-0000A6020000}"/>
    <cellStyle name="Normal 2 6 6" xfId="504" xr:uid="{00000000-0005-0000-0000-0000A7020000}"/>
    <cellStyle name="Normal 2 7" xfId="505" xr:uid="{00000000-0005-0000-0000-0000A8020000}"/>
    <cellStyle name="Normal 2 8" xfId="506" xr:uid="{00000000-0005-0000-0000-0000A9020000}"/>
    <cellStyle name="Normal 2 9" xfId="507" xr:uid="{00000000-0005-0000-0000-0000AA020000}"/>
    <cellStyle name="Normal 2 9 2" xfId="680" xr:uid="{00000000-0005-0000-0000-0000AB020000}"/>
    <cellStyle name="Normal 2_~0149226 2" xfId="877" xr:uid="{B2558059-6547-448A-9604-F10BF273A56D}"/>
    <cellStyle name="Normal 20" xfId="865" xr:uid="{00000000-0005-0000-0000-0000AC020000}"/>
    <cellStyle name="Normal 20 2" xfId="873" xr:uid="{003201E5-1B95-46D9-B9FF-3DDDFEF99BCB}"/>
    <cellStyle name="Normal 21" xfId="871" xr:uid="{C8F180A5-4AE0-42B2-A5C2-670CD57A4275}"/>
    <cellStyle name="Normal 22" xfId="876" xr:uid="{25B02864-0668-43CC-8BF7-83545BCECF0E}"/>
    <cellStyle name="Normal 23" xfId="878" xr:uid="{D523AE82-A952-434E-84DD-DE0AC69A8C79}"/>
    <cellStyle name="Normal 24" xfId="881" xr:uid="{AF81F61A-2D03-471F-A7BA-FA0E6CD99E0A}"/>
    <cellStyle name="Normal 26 4" xfId="867" xr:uid="{00000000-0005-0000-0000-0000AD020000}"/>
    <cellStyle name="Normal 26 4 2" xfId="870" xr:uid="{00000000-0005-0000-0000-0000AE020000}"/>
    <cellStyle name="Normal 26 4 2 3" xfId="872" xr:uid="{7831FFE0-16AD-4942-B3E6-A562B9D68ED8}"/>
    <cellStyle name="Normal 3" xfId="102" xr:uid="{00000000-0005-0000-0000-0000AF020000}"/>
    <cellStyle name="Normal 3 2" xfId="103" xr:uid="{00000000-0005-0000-0000-0000B0020000}"/>
    <cellStyle name="Normal 3 2 2" xfId="284" xr:uid="{00000000-0005-0000-0000-0000B1020000}"/>
    <cellStyle name="Normal 3 2 3" xfId="157" xr:uid="{00000000-0005-0000-0000-0000B2020000}"/>
    <cellStyle name="Normal 3 3" xfId="104" xr:uid="{00000000-0005-0000-0000-0000B3020000}"/>
    <cellStyle name="Normal 3 3 2" xfId="508" xr:uid="{00000000-0005-0000-0000-0000B4020000}"/>
    <cellStyle name="Normal 3 4" xfId="105" xr:uid="{00000000-0005-0000-0000-0000B5020000}"/>
    <cellStyle name="Normal 3 4 2" xfId="263" xr:uid="{00000000-0005-0000-0000-0000B6020000}"/>
    <cellStyle name="Normal 3 4 2 2" xfId="631" xr:uid="{00000000-0005-0000-0000-0000B7020000}"/>
    <cellStyle name="Normal 3 4 3" xfId="509" xr:uid="{00000000-0005-0000-0000-0000B8020000}"/>
    <cellStyle name="Normal 3 5" xfId="282" xr:uid="{00000000-0005-0000-0000-0000B9020000}"/>
    <cellStyle name="Normal 4" xfId="106" xr:uid="{00000000-0005-0000-0000-0000BA020000}"/>
    <cellStyle name="Normal 4 2" xfId="107" xr:uid="{00000000-0005-0000-0000-0000BB020000}"/>
    <cellStyle name="Normal 4 2 2" xfId="510" xr:uid="{00000000-0005-0000-0000-0000BC020000}"/>
    <cellStyle name="Normal 4 2 3" xfId="511" xr:uid="{00000000-0005-0000-0000-0000BD020000}"/>
    <cellStyle name="Normal 4 3" xfId="108" xr:uid="{00000000-0005-0000-0000-0000BE020000}"/>
    <cellStyle name="Normal 4 3 2" xfId="296" xr:uid="{00000000-0005-0000-0000-0000BF020000}"/>
    <cellStyle name="Normal 4 3 3" xfId="158" xr:uid="{00000000-0005-0000-0000-0000C0020000}"/>
    <cellStyle name="Normal 4 4" xfId="281" xr:uid="{00000000-0005-0000-0000-0000C1020000}"/>
    <cellStyle name="Normal 5" xfId="109" xr:uid="{00000000-0005-0000-0000-0000C2020000}"/>
    <cellStyle name="Normal 5 2" xfId="110" xr:uid="{00000000-0005-0000-0000-0000C3020000}"/>
    <cellStyle name="Normal 5 2 10" xfId="512" xr:uid="{00000000-0005-0000-0000-0000C4020000}"/>
    <cellStyle name="Normal 5 2 2" xfId="170" xr:uid="{00000000-0005-0000-0000-0000C5020000}"/>
    <cellStyle name="Normal 5 2 2 2" xfId="186" xr:uid="{00000000-0005-0000-0000-0000C6020000}"/>
    <cellStyle name="Normal 5 2 2 2 2" xfId="513" xr:uid="{00000000-0005-0000-0000-0000C7020000}"/>
    <cellStyle name="Normal 5 2 2 2 2 2" xfId="514" xr:uid="{00000000-0005-0000-0000-0000C8020000}"/>
    <cellStyle name="Normal 5 2 2 2 2 3" xfId="515" xr:uid="{00000000-0005-0000-0000-0000C9020000}"/>
    <cellStyle name="Normal 5 2 2 2 3" xfId="516" xr:uid="{00000000-0005-0000-0000-0000CA020000}"/>
    <cellStyle name="Normal 5 2 2 2 4" xfId="517" xr:uid="{00000000-0005-0000-0000-0000CB020000}"/>
    <cellStyle name="Normal 5 2 2 3" xfId="197" xr:uid="{00000000-0005-0000-0000-0000CC020000}"/>
    <cellStyle name="Normal 5 2 2 3 2" xfId="518" xr:uid="{00000000-0005-0000-0000-0000CD020000}"/>
    <cellStyle name="Normal 5 2 2 3 2 2" xfId="519" xr:uid="{00000000-0005-0000-0000-0000CE020000}"/>
    <cellStyle name="Normal 5 2 2 3 2 3" xfId="520" xr:uid="{00000000-0005-0000-0000-0000CF020000}"/>
    <cellStyle name="Normal 5 2 2 3 3" xfId="521" xr:uid="{00000000-0005-0000-0000-0000D0020000}"/>
    <cellStyle name="Normal 5 2 2 3 4" xfId="522" xr:uid="{00000000-0005-0000-0000-0000D1020000}"/>
    <cellStyle name="Normal 5 2 2 4" xfId="279" xr:uid="{00000000-0005-0000-0000-0000D2020000}"/>
    <cellStyle name="Normal 5 2 2 4 2" xfId="523" xr:uid="{00000000-0005-0000-0000-0000D3020000}"/>
    <cellStyle name="Normal 5 2 2 4 2 2" xfId="524" xr:uid="{00000000-0005-0000-0000-0000D4020000}"/>
    <cellStyle name="Normal 5 2 2 4 2 3" xfId="525" xr:uid="{00000000-0005-0000-0000-0000D5020000}"/>
    <cellStyle name="Normal 5 2 2 4 3" xfId="526" xr:uid="{00000000-0005-0000-0000-0000D6020000}"/>
    <cellStyle name="Normal 5 2 2 4 4" xfId="527" xr:uid="{00000000-0005-0000-0000-0000D7020000}"/>
    <cellStyle name="Normal 5 2 2 5" xfId="528" xr:uid="{00000000-0005-0000-0000-0000D8020000}"/>
    <cellStyle name="Normal 5 2 2 5 2" xfId="529" xr:uid="{00000000-0005-0000-0000-0000D9020000}"/>
    <cellStyle name="Normal 5 2 2 5 3" xfId="530" xr:uid="{00000000-0005-0000-0000-0000DA020000}"/>
    <cellStyle name="Normal 5 2 2 6" xfId="531" xr:uid="{00000000-0005-0000-0000-0000DB020000}"/>
    <cellStyle name="Normal 5 2 2 7" xfId="532" xr:uid="{00000000-0005-0000-0000-0000DC020000}"/>
    <cellStyle name="Normal 5 2 3" xfId="185" xr:uid="{00000000-0005-0000-0000-0000DD020000}"/>
    <cellStyle name="Normal 5 2 3 2" xfId="533" xr:uid="{00000000-0005-0000-0000-0000DE020000}"/>
    <cellStyle name="Normal 5 2 3 2 2" xfId="534" xr:uid="{00000000-0005-0000-0000-0000DF020000}"/>
    <cellStyle name="Normal 5 2 3 2 3" xfId="535" xr:uid="{00000000-0005-0000-0000-0000E0020000}"/>
    <cellStyle name="Normal 5 2 3 3" xfId="536" xr:uid="{00000000-0005-0000-0000-0000E1020000}"/>
    <cellStyle name="Normal 5 2 3 4" xfId="537" xr:uid="{00000000-0005-0000-0000-0000E2020000}"/>
    <cellStyle name="Normal 5 2 4" xfId="193" xr:uid="{00000000-0005-0000-0000-0000E3020000}"/>
    <cellStyle name="Normal 5 2 4 2" xfId="538" xr:uid="{00000000-0005-0000-0000-0000E4020000}"/>
    <cellStyle name="Normal 5 2 4 2 2" xfId="539" xr:uid="{00000000-0005-0000-0000-0000E5020000}"/>
    <cellStyle name="Normal 5 2 4 2 3" xfId="540" xr:uid="{00000000-0005-0000-0000-0000E6020000}"/>
    <cellStyle name="Normal 5 2 4 3" xfId="541" xr:uid="{00000000-0005-0000-0000-0000E7020000}"/>
    <cellStyle name="Normal 5 2 4 4" xfId="542" xr:uid="{00000000-0005-0000-0000-0000E8020000}"/>
    <cellStyle name="Normal 5 2 5" xfId="276" xr:uid="{00000000-0005-0000-0000-0000E9020000}"/>
    <cellStyle name="Normal 5 2 5 2" xfId="543" xr:uid="{00000000-0005-0000-0000-0000EA020000}"/>
    <cellStyle name="Normal 5 2 5 2 2" xfId="544" xr:uid="{00000000-0005-0000-0000-0000EB020000}"/>
    <cellStyle name="Normal 5 2 5 2 3" xfId="545" xr:uid="{00000000-0005-0000-0000-0000EC020000}"/>
    <cellStyle name="Normal 5 2 5 3" xfId="546" xr:uid="{00000000-0005-0000-0000-0000ED020000}"/>
    <cellStyle name="Normal 5 2 5 4" xfId="547" xr:uid="{00000000-0005-0000-0000-0000EE020000}"/>
    <cellStyle name="Normal 5 2 6" xfId="305" xr:uid="{00000000-0005-0000-0000-0000EF020000}"/>
    <cellStyle name="Normal 5 2 6 2" xfId="548" xr:uid="{00000000-0005-0000-0000-0000F0020000}"/>
    <cellStyle name="Normal 5 2 6 2 2" xfId="549" xr:uid="{00000000-0005-0000-0000-0000F1020000}"/>
    <cellStyle name="Normal 5 2 6 2 3" xfId="550" xr:uid="{00000000-0005-0000-0000-0000F2020000}"/>
    <cellStyle name="Normal 5 2 6 3" xfId="551" xr:uid="{00000000-0005-0000-0000-0000F3020000}"/>
    <cellStyle name="Normal 5 2 6 4" xfId="552" xr:uid="{00000000-0005-0000-0000-0000F4020000}"/>
    <cellStyle name="Normal 5 2 7" xfId="167" xr:uid="{00000000-0005-0000-0000-0000F5020000}"/>
    <cellStyle name="Normal 5 2 7 2" xfId="553" xr:uid="{00000000-0005-0000-0000-0000F6020000}"/>
    <cellStyle name="Normal 5 2 7 3" xfId="554" xr:uid="{00000000-0005-0000-0000-0000F7020000}"/>
    <cellStyle name="Normal 5 2 8" xfId="159" xr:uid="{00000000-0005-0000-0000-0000F8020000}"/>
    <cellStyle name="Normal 5 2 9" xfId="555" xr:uid="{00000000-0005-0000-0000-0000F9020000}"/>
    <cellStyle name="Normal 5 3" xfId="290" xr:uid="{00000000-0005-0000-0000-0000FA020000}"/>
    <cellStyle name="Normal 5 3 2" xfId="301" xr:uid="{00000000-0005-0000-0000-0000FB020000}"/>
    <cellStyle name="Normal 5 3 2 2" xfId="556" xr:uid="{00000000-0005-0000-0000-0000FC020000}"/>
    <cellStyle name="Normal 5 3 2 2 2" xfId="557" xr:uid="{00000000-0005-0000-0000-0000FD020000}"/>
    <cellStyle name="Normal 5 3 2 2 3" xfId="558" xr:uid="{00000000-0005-0000-0000-0000FE020000}"/>
    <cellStyle name="Normal 5 3 2 3" xfId="559" xr:uid="{00000000-0005-0000-0000-0000FF020000}"/>
    <cellStyle name="Normal 5 3 2 4" xfId="560" xr:uid="{00000000-0005-0000-0000-000000030000}"/>
    <cellStyle name="Normal 5 3 3" xfId="561" xr:uid="{00000000-0005-0000-0000-000001030000}"/>
    <cellStyle name="Normal 5 3 3 2" xfId="562" xr:uid="{00000000-0005-0000-0000-000002030000}"/>
    <cellStyle name="Normal 5 3 3 3" xfId="563" xr:uid="{00000000-0005-0000-0000-000003030000}"/>
    <cellStyle name="Normal 5 3 4" xfId="564" xr:uid="{00000000-0005-0000-0000-000004030000}"/>
    <cellStyle name="Normal 5 3 5" xfId="565" xr:uid="{00000000-0005-0000-0000-000005030000}"/>
    <cellStyle name="Normal 5 3 6" xfId="566" xr:uid="{00000000-0005-0000-0000-000006030000}"/>
    <cellStyle name="Normal 5 4" xfId="285" xr:uid="{00000000-0005-0000-0000-000007030000}"/>
    <cellStyle name="Normal 5 5" xfId="567" xr:uid="{00000000-0005-0000-0000-000008030000}"/>
    <cellStyle name="Normal 6" xfId="111" xr:uid="{00000000-0005-0000-0000-000009030000}"/>
    <cellStyle name="Normal 6 2" xfId="286" xr:uid="{00000000-0005-0000-0000-00000A030000}"/>
    <cellStyle name="Normal 7" xfId="112" xr:uid="{00000000-0005-0000-0000-00000B030000}"/>
    <cellStyle name="Normal 7 2" xfId="292" xr:uid="{00000000-0005-0000-0000-00000C030000}"/>
    <cellStyle name="Normal 7 2 3 2" xfId="113" xr:uid="{00000000-0005-0000-0000-00000D030000}"/>
    <cellStyle name="Normal 7 3" xfId="187" xr:uid="{00000000-0005-0000-0000-00000E030000}"/>
    <cellStyle name="Normal 7 3 2" xfId="568" xr:uid="{00000000-0005-0000-0000-00000F030000}"/>
    <cellStyle name="Normal 7 3 3" xfId="569" xr:uid="{00000000-0005-0000-0000-000010030000}"/>
    <cellStyle name="Normal 7 4" xfId="570" xr:uid="{00000000-0005-0000-0000-000011030000}"/>
    <cellStyle name="Normal 7 5" xfId="571" xr:uid="{00000000-0005-0000-0000-000012030000}"/>
    <cellStyle name="Normal 7 6" xfId="572" xr:uid="{00000000-0005-0000-0000-000013030000}"/>
    <cellStyle name="Normal 7 7" xfId="573" xr:uid="{00000000-0005-0000-0000-000014030000}"/>
    <cellStyle name="Normal 8" xfId="2" xr:uid="{00000000-0005-0000-0000-000015030000}"/>
    <cellStyle name="Normal 8 2" xfId="291" xr:uid="{00000000-0005-0000-0000-000016030000}"/>
    <cellStyle name="Normal 8 3" xfId="574" xr:uid="{00000000-0005-0000-0000-000017030000}"/>
    <cellStyle name="Normal 9" xfId="303" xr:uid="{00000000-0005-0000-0000-000018030000}"/>
    <cellStyle name="Normal 9 2" xfId="875" xr:uid="{79620632-5F44-4905-921D-FD24B316041A}"/>
    <cellStyle name="Normal_130107 Pillar 3 2012 2" xfId="589" xr:uid="{00000000-0005-0000-0000-00001A030000}"/>
    <cellStyle name="Note 2" xfId="114" xr:uid="{00000000-0005-0000-0000-00001C030000}"/>
    <cellStyle name="Note 3" xfId="575" xr:uid="{00000000-0005-0000-0000-00001D030000}"/>
    <cellStyle name="optionalExposure" xfId="115" xr:uid="{00000000-0005-0000-0000-00001E030000}"/>
    <cellStyle name="optionalExposure 2" xfId="160" xr:uid="{00000000-0005-0000-0000-00001F030000}"/>
    <cellStyle name="Output 2" xfId="116" xr:uid="{00000000-0005-0000-0000-000020030000}"/>
    <cellStyle name="Output 2 2" xfId="264" xr:uid="{00000000-0005-0000-0000-000021030000}"/>
    <cellStyle name="Output 2 2 2" xfId="632" xr:uid="{00000000-0005-0000-0000-000022030000}"/>
    <cellStyle name="Output 3" xfId="576" xr:uid="{00000000-0005-0000-0000-000023030000}"/>
    <cellStyle name="Output Amounts" xfId="173" xr:uid="{00000000-0005-0000-0000-000024030000}"/>
    <cellStyle name="Output Column Headings" xfId="174" xr:uid="{00000000-0005-0000-0000-000025030000}"/>
    <cellStyle name="Output Line Items" xfId="175" xr:uid="{00000000-0005-0000-0000-000026030000}"/>
    <cellStyle name="Output Report Heading" xfId="176" xr:uid="{00000000-0005-0000-0000-000027030000}"/>
    <cellStyle name="Output Report Title" xfId="177" xr:uid="{00000000-0005-0000-0000-000028030000}"/>
    <cellStyle name="Percent" xfId="822" builtinId="5"/>
    <cellStyle name="Percent 10" xfId="577" xr:uid="{00000000-0005-0000-0000-00002A030000}"/>
    <cellStyle name="Percent 10 2" xfId="681" xr:uid="{00000000-0005-0000-0000-00002B030000}"/>
    <cellStyle name="Percent 11" xfId="588" xr:uid="{00000000-0005-0000-0000-00002C030000}"/>
    <cellStyle name="Percent 12" xfId="879" xr:uid="{EEDF2DB9-B11C-49B0-BB8A-D18714DB436B}"/>
    <cellStyle name="Percent 13" xfId="882" xr:uid="{773A2E11-33F7-460D-810D-96CC958305DB}"/>
    <cellStyle name="Percent 2" xfId="118" xr:uid="{00000000-0005-0000-0000-00002D030000}"/>
    <cellStyle name="Percent 2 2" xfId="119" xr:uid="{00000000-0005-0000-0000-00002E030000}"/>
    <cellStyle name="Percent 2 2 2" xfId="161" xr:uid="{00000000-0005-0000-0000-00002F030000}"/>
    <cellStyle name="Percent 2 3" xfId="578" xr:uid="{00000000-0005-0000-0000-000030030000}"/>
    <cellStyle name="Percent 2 3 2" xfId="579" xr:uid="{00000000-0005-0000-0000-000031030000}"/>
    <cellStyle name="Percent 2 4" xfId="580" xr:uid="{00000000-0005-0000-0000-000032030000}"/>
    <cellStyle name="Percent 2 5" xfId="581" xr:uid="{00000000-0005-0000-0000-000033030000}"/>
    <cellStyle name="Percent 2 5 2" xfId="682" xr:uid="{00000000-0005-0000-0000-000034030000}"/>
    <cellStyle name="Percent 2 6" xfId="633" xr:uid="{00000000-0005-0000-0000-000035030000}"/>
    <cellStyle name="Percent 3" xfId="120" xr:uid="{00000000-0005-0000-0000-000036030000}"/>
    <cellStyle name="Percent 3 2" xfId="172" xr:uid="{00000000-0005-0000-0000-000037030000}"/>
    <cellStyle name="Percent 3 3" xfId="162" xr:uid="{00000000-0005-0000-0000-000038030000}"/>
    <cellStyle name="Percent 4" xfId="121" xr:uid="{00000000-0005-0000-0000-000039030000}"/>
    <cellStyle name="Percent 4 2" xfId="122" xr:uid="{00000000-0005-0000-0000-00003A030000}"/>
    <cellStyle name="Percent 4 2 2" xfId="164" xr:uid="{00000000-0005-0000-0000-00003B030000}"/>
    <cellStyle name="Percent 4 3" xfId="163" xr:uid="{00000000-0005-0000-0000-00003C030000}"/>
    <cellStyle name="Percent 5" xfId="123" xr:uid="{00000000-0005-0000-0000-00003D030000}"/>
    <cellStyle name="Percent 6" xfId="117" xr:uid="{00000000-0005-0000-0000-00003E030000}"/>
    <cellStyle name="Percent 6 2" xfId="582" xr:uid="{00000000-0005-0000-0000-00003F030000}"/>
    <cellStyle name="Percent 7" xfId="166" xr:uid="{00000000-0005-0000-0000-000040030000}"/>
    <cellStyle name="Percent 8" xfId="583" xr:uid="{00000000-0005-0000-0000-000041030000}"/>
    <cellStyle name="Percent 9" xfId="584" xr:uid="{00000000-0005-0000-0000-000042030000}"/>
    <cellStyle name="periodHeader" xfId="124" xr:uid="{00000000-0005-0000-0000-000043030000}"/>
    <cellStyle name="Rubrik" xfId="125" xr:uid="{00000000-0005-0000-0000-000044030000}"/>
    <cellStyle name="Rubrik 1" xfId="126" xr:uid="{00000000-0005-0000-0000-000045030000}"/>
    <cellStyle name="Rubrik 1 2" xfId="266" xr:uid="{00000000-0005-0000-0000-000046030000}"/>
    <cellStyle name="Rubrik 2" xfId="127" xr:uid="{00000000-0005-0000-0000-000047030000}"/>
    <cellStyle name="Rubrik 2 2" xfId="267" xr:uid="{00000000-0005-0000-0000-000048030000}"/>
    <cellStyle name="Rubrik 3" xfId="128" xr:uid="{00000000-0005-0000-0000-000049030000}"/>
    <cellStyle name="Rubrik 3 2" xfId="268" xr:uid="{00000000-0005-0000-0000-00004A030000}"/>
    <cellStyle name="Rubrik 4" xfId="129" xr:uid="{00000000-0005-0000-0000-00004B030000}"/>
    <cellStyle name="Rubrik 4 2" xfId="269" xr:uid="{00000000-0005-0000-0000-00004C030000}"/>
    <cellStyle name="Rubrik 5" xfId="265" xr:uid="{00000000-0005-0000-0000-00004D030000}"/>
    <cellStyle name="SEB Green Background" xfId="130" xr:uid="{00000000-0005-0000-0000-00004E030000}"/>
    <cellStyle name="SEB Header" xfId="131" xr:uid="{00000000-0005-0000-0000-00004F030000}"/>
    <cellStyle name="SEB Normal" xfId="132" xr:uid="{00000000-0005-0000-0000-000050030000}"/>
    <cellStyle name="SEB Table Header Row" xfId="133" xr:uid="{00000000-0005-0000-0000-000051030000}"/>
    <cellStyle name="SEB Table Row" xfId="134" xr:uid="{00000000-0005-0000-0000-000052030000}"/>
    <cellStyle name="Style 1" xfId="135" xr:uid="{00000000-0005-0000-0000-000053030000}"/>
    <cellStyle name="Summa" xfId="136" xr:uid="{00000000-0005-0000-0000-000054030000}"/>
    <cellStyle name="Summa 2" xfId="270" xr:uid="{00000000-0005-0000-0000-000055030000}"/>
    <cellStyle name="Title 2" xfId="137" xr:uid="{00000000-0005-0000-0000-000056030000}"/>
    <cellStyle name="Title 2 2" xfId="271" xr:uid="{00000000-0005-0000-0000-000057030000}"/>
    <cellStyle name="Title 2 2 2" xfId="634" xr:uid="{00000000-0005-0000-0000-000058030000}"/>
    <cellStyle name="Title 3" xfId="585" xr:uid="{00000000-0005-0000-0000-000059030000}"/>
    <cellStyle name="Total 2" xfId="138" xr:uid="{00000000-0005-0000-0000-00005A030000}"/>
    <cellStyle name="Total 2 2" xfId="272" xr:uid="{00000000-0005-0000-0000-00005B030000}"/>
    <cellStyle name="Total 2 2 2" xfId="635" xr:uid="{00000000-0005-0000-0000-00005C030000}"/>
    <cellStyle name="Total 3" xfId="586" xr:uid="{00000000-0005-0000-0000-00005D030000}"/>
    <cellStyle name="Tusental (0)_Antal år" xfId="178" xr:uid="{00000000-0005-0000-0000-00005E030000}"/>
    <cellStyle name="Tusental_5.1 CounterParty Risk" xfId="139" xr:uid="{00000000-0005-0000-0000-00005F030000}"/>
    <cellStyle name="Urmo_D-Options" xfId="140" xr:uid="{00000000-0005-0000-0000-000060030000}"/>
    <cellStyle name="Utdata" xfId="141" xr:uid="{00000000-0005-0000-0000-000061030000}"/>
    <cellStyle name="Utdata 2" xfId="273" xr:uid="{00000000-0005-0000-0000-000062030000}"/>
    <cellStyle name="Valuta (0)_Antal år" xfId="179" xr:uid="{00000000-0005-0000-0000-000063030000}"/>
    <cellStyle name="Warning Text 2" xfId="142" xr:uid="{00000000-0005-0000-0000-000064030000}"/>
    <cellStyle name="Warning Text 2 2" xfId="274" xr:uid="{00000000-0005-0000-0000-000065030000}"/>
    <cellStyle name="Warning Text 2 2 2" xfId="636" xr:uid="{00000000-0005-0000-0000-000066030000}"/>
    <cellStyle name="Warning Text 3" xfId="587" xr:uid="{00000000-0005-0000-0000-000067030000}"/>
    <cellStyle name="Varningstext" xfId="143" xr:uid="{00000000-0005-0000-0000-000068030000}"/>
  </cellStyles>
  <dxfs count="0"/>
  <tableStyles count="0" defaultTableStyle="TableStyleMedium2" defaultPivotStyle="PivotStyleLight16"/>
  <colors>
    <mruColors>
      <color rgb="FF008000"/>
      <color rgb="FFFBDAD7"/>
      <color rgb="FFBFBFBF"/>
      <color rgb="FF00FF00"/>
      <color rgb="FF4F9AFF"/>
      <color rgb="FFD3F1FE"/>
      <color rgb="FFFF6161"/>
      <color rgb="FFA7E3FE"/>
      <color rgb="FF0070FF"/>
      <color rgb="FFFFC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externalLink" Target="externalLinks/externalLink2.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externalLink" Target="externalLinks/externalLink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worksheet" Target="worksheets/sheet29.xml"/><Relationship Id="rId41"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theme" Target="theme/theme1.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microsoft.com/office/2017/10/relationships/person" Target="persons/person.xml"/></Relationships>
</file>

<file path=xl/ctrlProps/ctrlProp1.xml><?xml version="1.0" encoding="utf-8"?>
<formControlPr xmlns="http://schemas.microsoft.com/office/spreadsheetml/2009/9/main" objectType="Button" lockText="1"/>
</file>

<file path=xl/ctrlProps/ctrlProp2.xml><?xml version="1.0" encoding="utf-8"?>
<formControlPr xmlns="http://schemas.microsoft.com/office/spreadsheetml/2009/9/main" objectType="Button" lockText="1"/>
</file>

<file path=xl/ctrlProps/ctrlProp3.xml><?xml version="1.0" encoding="utf-8"?>
<formControlPr xmlns="http://schemas.microsoft.com/office/spreadsheetml/2009/9/main" objectType="Button" lockText="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0</xdr:col>
          <xdr:colOff>469900</xdr:colOff>
          <xdr:row>0</xdr:row>
          <xdr:rowOff>0</xdr:rowOff>
        </xdr:from>
        <xdr:to>
          <xdr:col>1</xdr:col>
          <xdr:colOff>0</xdr:colOff>
          <xdr:row>0</xdr:row>
          <xdr:rowOff>0</xdr:rowOff>
        </xdr:to>
        <xdr:sp macro="" textlink="">
          <xdr:nvSpPr>
            <xdr:cNvPr id="526337" name="Button 1" hidden="1">
              <a:extLst>
                <a:ext uri="{63B3BB69-23CF-44E3-9099-C40C66FF867C}">
                  <a14:compatExt spid="_x0000_s526337"/>
                </a:ext>
                <a:ext uri="{FF2B5EF4-FFF2-40B4-BE49-F238E27FC236}">
                  <a16:creationId xmlns:a16="http://schemas.microsoft.com/office/drawing/2014/main" id="{00000000-0008-0000-2B00-000001080800}"/>
                </a:ext>
              </a:extLst>
            </xdr:cNvPr>
            <xdr:cNvSpPr/>
          </xdr:nvSpPr>
          <xdr:spPr bwMode="auto">
            <a:xfrm>
              <a:off x="0" y="0"/>
              <a:ext cx="0" cy="0"/>
            </a:xfrm>
            <a:prstGeom prst="rect">
              <a:avLst/>
            </a:prstGeom>
            <a:noFill/>
            <a:ln w="9525">
              <a:miter lim="800000"/>
              <a:headEnd/>
              <a:tailEnd/>
            </a:ln>
          </xdr:spPr>
          <xdr:txBody>
            <a:bodyPr vertOverflow="clip" wrap="square" lIns="36576" tIns="27432" rIns="36576" bIns="27432" anchor="ctr" upright="1"/>
            <a:lstStyle/>
            <a:p>
              <a:pPr algn="ctr" rtl="0">
                <a:defRPr sz="1000"/>
              </a:pPr>
              <a:r>
                <a:rPr lang="lt-LT" sz="1000" b="0" i="0" u="none" strike="noStrike" baseline="0">
                  <a:solidFill>
                    <a:srgbClr val="000000"/>
                  </a:solidFill>
                  <a:latin typeface="Arial"/>
                  <a:cs typeface="Arial"/>
                </a:rPr>
                <a:t>Update Pivottable</a:t>
              </a:r>
            </a:p>
          </xdr:txBody>
        </xdr:sp>
        <xdr:clientData fPrintsWithSheet="0"/>
      </xdr:twoCellAnchor>
    </mc:Choice>
    <mc:Fallback/>
  </mc:AlternateContent>
  <mc:AlternateContent xmlns:mc="http://schemas.openxmlformats.org/markup-compatibility/2006">
    <mc:Choice xmlns:a14="http://schemas.microsoft.com/office/drawing/2010/main" Requires="a14">
      <xdr:twoCellAnchor>
        <xdr:from>
          <xdr:col>0</xdr:col>
          <xdr:colOff>469900</xdr:colOff>
          <xdr:row>0</xdr:row>
          <xdr:rowOff>0</xdr:rowOff>
        </xdr:from>
        <xdr:to>
          <xdr:col>1</xdr:col>
          <xdr:colOff>0</xdr:colOff>
          <xdr:row>0</xdr:row>
          <xdr:rowOff>0</xdr:rowOff>
        </xdr:to>
        <xdr:sp macro="" textlink="">
          <xdr:nvSpPr>
            <xdr:cNvPr id="526338" name="Button 2" hidden="1">
              <a:extLst>
                <a:ext uri="{63B3BB69-23CF-44E3-9099-C40C66FF867C}">
                  <a14:compatExt spid="_x0000_s526338"/>
                </a:ext>
                <a:ext uri="{FF2B5EF4-FFF2-40B4-BE49-F238E27FC236}">
                  <a16:creationId xmlns:a16="http://schemas.microsoft.com/office/drawing/2014/main" id="{00000000-0008-0000-2B00-000002080800}"/>
                </a:ext>
              </a:extLst>
            </xdr:cNvPr>
            <xdr:cNvSpPr/>
          </xdr:nvSpPr>
          <xdr:spPr bwMode="auto">
            <a:xfrm>
              <a:off x="0" y="0"/>
              <a:ext cx="0" cy="0"/>
            </a:xfrm>
            <a:prstGeom prst="rect">
              <a:avLst/>
            </a:prstGeom>
            <a:noFill/>
            <a:ln w="9525">
              <a:miter lim="800000"/>
              <a:headEnd/>
              <a:tailEnd/>
            </a:ln>
          </xdr:spPr>
          <xdr:txBody>
            <a:bodyPr vertOverflow="clip" wrap="square" lIns="36576" tIns="27432" rIns="36576" bIns="27432" anchor="ctr" upright="1"/>
            <a:lstStyle/>
            <a:p>
              <a:pPr algn="ctr" rtl="0">
                <a:defRPr sz="1000"/>
              </a:pPr>
              <a:r>
                <a:rPr lang="lt-LT" sz="1000" b="0" i="0" u="none" strike="noStrike" baseline="0">
                  <a:solidFill>
                    <a:srgbClr val="000000"/>
                  </a:solidFill>
                  <a:latin typeface="Arial"/>
                  <a:cs typeface="Arial"/>
                </a:rPr>
                <a:t>Update Pivottable</a:t>
              </a:r>
            </a:p>
          </xdr:txBody>
        </xdr:sp>
        <xdr:clientData fPrintsWithSheet="0"/>
      </xdr:twoCellAnchor>
    </mc:Choice>
    <mc:Fallback/>
  </mc:AlternateContent>
  <mc:AlternateContent xmlns:mc="http://schemas.openxmlformats.org/markup-compatibility/2006">
    <mc:Choice xmlns:a14="http://schemas.microsoft.com/office/drawing/2010/main" Requires="a14">
      <xdr:twoCellAnchor>
        <xdr:from>
          <xdr:col>0</xdr:col>
          <xdr:colOff>469900</xdr:colOff>
          <xdr:row>0</xdr:row>
          <xdr:rowOff>0</xdr:rowOff>
        </xdr:from>
        <xdr:to>
          <xdr:col>1</xdr:col>
          <xdr:colOff>0</xdr:colOff>
          <xdr:row>0</xdr:row>
          <xdr:rowOff>0</xdr:rowOff>
        </xdr:to>
        <xdr:sp macro="" textlink="">
          <xdr:nvSpPr>
            <xdr:cNvPr id="526339" name="Button 3" hidden="1">
              <a:extLst>
                <a:ext uri="{63B3BB69-23CF-44E3-9099-C40C66FF867C}">
                  <a14:compatExt spid="_x0000_s526339"/>
                </a:ext>
                <a:ext uri="{FF2B5EF4-FFF2-40B4-BE49-F238E27FC236}">
                  <a16:creationId xmlns:a16="http://schemas.microsoft.com/office/drawing/2014/main" id="{00000000-0008-0000-2B00-000003080800}"/>
                </a:ext>
              </a:extLst>
            </xdr:cNvPr>
            <xdr:cNvSpPr/>
          </xdr:nvSpPr>
          <xdr:spPr bwMode="auto">
            <a:xfrm>
              <a:off x="0" y="0"/>
              <a:ext cx="0" cy="0"/>
            </a:xfrm>
            <a:prstGeom prst="rect">
              <a:avLst/>
            </a:prstGeom>
            <a:noFill/>
            <a:ln w="9525">
              <a:miter lim="800000"/>
              <a:headEnd/>
              <a:tailEnd/>
            </a:ln>
          </xdr:spPr>
          <xdr:txBody>
            <a:bodyPr vertOverflow="clip" wrap="square" lIns="36576" tIns="27432" rIns="36576" bIns="27432" anchor="ctr" upright="1"/>
            <a:lstStyle/>
            <a:p>
              <a:pPr algn="ctr" rtl="0">
                <a:defRPr sz="1000"/>
              </a:pPr>
              <a:r>
                <a:rPr lang="lt-LT" sz="1000" b="0" i="0" u="none" strike="noStrike" baseline="0">
                  <a:solidFill>
                    <a:srgbClr val="000000"/>
                  </a:solidFill>
                  <a:latin typeface="Arial"/>
                  <a:cs typeface="Arial"/>
                </a:rPr>
                <a:t>Update Pivottable</a:t>
              </a:r>
            </a:p>
          </xdr:txBody>
        </xdr:sp>
        <xdr:clientData fPrintsWithSheet="0"/>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CRO%20Office\Risk%20Aggregation\Pillar%203\Pillar%203%202011\Excel_data\Old%20Excel%202010\P3.Seciritisation%20201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62461\Downloads\pillar_3_tables_2019_q4.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curitisations 2010"/>
      <sheetName val="Sheet1"/>
      <sheetName val="Sheet2"/>
      <sheetName val="#REF"/>
      <sheetName val="About"/>
      <sheetName val="1. Insurance"/>
    </sheetNames>
    <sheetDataSet>
      <sheetData sheetId="0">
        <row r="83">
          <cell r="G83">
            <v>1000000</v>
          </cell>
        </row>
      </sheetData>
      <sheetData sheetId="1"/>
      <sheetData sheetId="2"/>
      <sheetData sheetId="3" refreshError="1"/>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sheet"/>
      <sheetName val="EU KM1"/>
      <sheetName val="EU CR1-A"/>
      <sheetName val="EU CR1-B"/>
      <sheetName val="EU CR1-C"/>
      <sheetName val="EU CQ1"/>
      <sheetName val="EU CQ3"/>
      <sheetName val="EU CR1"/>
      <sheetName val="EU CQ7"/>
      <sheetName val="EU CR2-A"/>
      <sheetName val="EU CR2-B"/>
      <sheetName val="EU CR3"/>
      <sheetName val="EU CR4"/>
      <sheetName val="EU CR5"/>
      <sheetName val="EU CR6"/>
      <sheetName val="EU CR7"/>
      <sheetName val="EU CCR1"/>
      <sheetName val="EU CCR2"/>
      <sheetName val="EU CCR3"/>
      <sheetName val="EU IRB CCR4"/>
      <sheetName val="EU CCR5A"/>
      <sheetName val="EU CCR5B"/>
      <sheetName val="EU CCR6"/>
      <sheetName val="EU CCR8"/>
      <sheetName val="EU MR1"/>
      <sheetName val="EU MR2-A"/>
      <sheetName val="EU MR3"/>
      <sheetName val="EU OV1"/>
      <sheetName val="EU CR8"/>
      <sheetName val="EU CCR7"/>
      <sheetName val="EU MR2-B"/>
      <sheetName val="EU INS1"/>
      <sheetName val="Own funds"/>
      <sheetName val="Capital instruments"/>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Set>
  </externalBook>
</externalLink>
</file>

<file path=xl/persons/person.xml><?xml version="1.0" encoding="utf-8"?>
<personList xmlns="http://schemas.microsoft.com/office/spreadsheetml/2018/threadedcomments" xmlns:x="http://schemas.openxmlformats.org/spreadsheetml/2006/main"/>
</file>

<file path=xl/theme/theme1.xml><?xml version="1.0" encoding="utf-8"?>
<a:theme xmlns:a="http://schemas.openxmlformats.org/drawingml/2006/main" name="SEB 2017">
  <a:themeElements>
    <a:clrScheme name="SEB Colors 2017">
      <a:dk1>
        <a:sysClr val="windowText" lastClr="000000"/>
      </a:dk1>
      <a:lt1>
        <a:sysClr val="window" lastClr="FFFFFF"/>
      </a:lt1>
      <a:dk2>
        <a:srgbClr val="B2B2B2"/>
      </a:dk2>
      <a:lt2>
        <a:srgbClr val="F0F0F0"/>
      </a:lt2>
      <a:accent1>
        <a:srgbClr val="8ACA34"/>
      </a:accent1>
      <a:accent2>
        <a:srgbClr val="66499E"/>
      </a:accent2>
      <a:accent3>
        <a:srgbClr val="24B9FC"/>
      </a:accent3>
      <a:accent4>
        <a:srgbClr val="FEC111"/>
      </a:accent4>
      <a:accent5>
        <a:srgbClr val="E94539"/>
      </a:accent5>
      <a:accent6>
        <a:srgbClr val="B2B2B2"/>
      </a:accent6>
      <a:hlink>
        <a:srgbClr val="FFE081"/>
      </a:hlink>
      <a:folHlink>
        <a:srgbClr val="EB8182"/>
      </a:folHlink>
    </a:clrScheme>
    <a:fontScheme name="SEB SansSerif">
      <a:majorFont>
        <a:latin typeface="SEB SansSerif"/>
        <a:ea typeface=""/>
        <a:cs typeface=""/>
      </a:majorFont>
      <a:minorFont>
        <a:latin typeface="SEB SansSerif"/>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0F0F0"/>
        </a:solidFill>
        <a:ln w="19050">
          <a:noFill/>
        </a:ln>
      </a:spPr>
      <a:bodyPr rot="0" spcFirstLastPara="0" vertOverflow="overflow" horzOverflow="overflow" vert="horz" wrap="square" lIns="72000" tIns="36000" rIns="72000" bIns="36000" numCol="1" spcCol="0" rtlCol="0" fromWordArt="0" anchor="t" anchorCtr="0" forceAA="0" compatLnSpc="1">
        <a:prstTxWarp prst="textNoShape">
          <a:avLst/>
        </a:prstTxWarp>
        <a:noAutofit/>
      </a:bodyPr>
      <a:lstStyle>
        <a:defPPr>
          <a:defRPr sz="1400" dirty="0" err="1" smtClean="0">
            <a:solidFill>
              <a:schemeClr val="tx1"/>
            </a:solidFill>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none" lIns="72000" tIns="36000" rIns="72000" bIns="36000" rtlCol="0">
        <a:spAutoFit/>
      </a:bodyPr>
      <a:lstStyle>
        <a:defPPr>
          <a:defRPr sz="1400" dirty="0" smtClean="0"/>
        </a:defPPr>
      </a:lstStyle>
    </a:txDef>
  </a:objectDefaults>
  <a:extraClrSchemeLst/>
  <a:custClrLst>
    <a:custClr name="SEB Green">
      <a:srgbClr val="A3D830"/>
    </a:custClr>
    <a:custClr name="SEB Color 2">
      <a:srgbClr val="B5E05B"/>
    </a:custClr>
    <a:custClr name="SEB Color 3">
      <a:srgbClr val="C7E987"/>
    </a:custClr>
    <a:custClr name="SEB Color 4">
      <a:srgbClr val="D8F1B2"/>
    </a:custClr>
    <a:custClr name="SEB Color 5">
      <a:srgbClr val="005F71"/>
    </a:custClr>
    <a:custClr name="SEB Color 6">
      <a:srgbClr val="5494A0"/>
    </a:custClr>
    <a:custClr name="SEB Color 7">
      <a:srgbClr val="A8C8CF"/>
    </a:custClr>
    <a:custClr name="SEB Color 8">
      <a:srgbClr val="E2ECEE"/>
    </a:custClr>
    <a:custClr name="SEB Color 9">
      <a:srgbClr val="0092AA"/>
    </a:custClr>
    <a:custClr name="SEB Color 10">
      <a:srgbClr val="54B6C0"/>
    </a:custClr>
    <a:custClr name="SEB Color 11">
      <a:srgbClr val="CFEFF5"/>
    </a:custClr>
    <a:custClr name="SEB Color 12">
      <a:srgbClr val="E3F5F9"/>
    </a:custClr>
    <a:custClr name="SEB Color 13">
      <a:srgbClr val="8A1B60"/>
    </a:custClr>
    <a:custClr name="SEB Color 14">
      <a:srgbClr val="B16694"/>
    </a:custClr>
    <a:custClr name="SEB Color 15">
      <a:srgbClr val="D7B1C9"/>
    </a:custClr>
    <a:custClr name="SEB Color 16">
      <a:srgbClr val="F2E6EC"/>
    </a:custClr>
    <a:custClr name="SEB Color 17">
      <a:srgbClr val="725274"/>
    </a:custClr>
    <a:custClr name="SEB Color 18">
      <a:srgbClr val="A07EA3"/>
    </a:custClr>
    <a:custClr name="SEB Color 19">
      <a:srgbClr val="BFA8C1"/>
    </a:custClr>
    <a:custClr name="SEB Color 20">
      <a:srgbClr val="E9D3E0"/>
    </a:custClr>
  </a:custClr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27.xml.rels><?xml version="1.0" encoding="UTF-8" standalone="yes"?>
<Relationships xmlns="http://schemas.openxmlformats.org/package/2006/relationships"><Relationship Id="rId1" Type="http://schemas.openxmlformats.org/officeDocument/2006/relationships/printerSettings" Target="../printerSettings/printerSettings27.bin"/></Relationships>
</file>

<file path=xl/worksheets/_rels/sheet28.xml.rels><?xml version="1.0" encoding="UTF-8" standalone="yes"?>
<Relationships xmlns="http://schemas.openxmlformats.org/package/2006/relationships"><Relationship Id="rId1" Type="http://schemas.openxmlformats.org/officeDocument/2006/relationships/printerSettings" Target="../printerSettings/printerSettings28.bin"/></Relationships>
</file>

<file path=xl/worksheets/_rels/sheet29.xml.rels><?xml version="1.0" encoding="UTF-8" standalone="yes"?>
<Relationships xmlns="http://schemas.openxmlformats.org/package/2006/relationships"><Relationship Id="rId1" Type="http://schemas.openxmlformats.org/officeDocument/2006/relationships/printerSettings" Target="../printerSettings/printerSettings29.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30.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30.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31.xml.rels><?xml version="1.0" encoding="UTF-8" standalone="yes"?>
<Relationships xmlns="http://schemas.openxmlformats.org/package/2006/relationships"><Relationship Id="rId1" Type="http://schemas.openxmlformats.org/officeDocument/2006/relationships/printerSettings" Target="../printerSettings/printerSettings31.bin"/></Relationships>
</file>

<file path=xl/worksheets/_rels/sheet32.xml.rels><?xml version="1.0" encoding="UTF-8" standalone="yes"?>
<Relationships xmlns="http://schemas.openxmlformats.org/package/2006/relationships"><Relationship Id="rId1" Type="http://schemas.openxmlformats.org/officeDocument/2006/relationships/printerSettings" Target="../printerSettings/printerSettings32.bin"/></Relationships>
</file>

<file path=xl/worksheets/_rels/sheet33.xml.rels><?xml version="1.0" encoding="UTF-8" standalone="yes"?>
<Relationships xmlns="http://schemas.openxmlformats.org/package/2006/relationships"><Relationship Id="rId1" Type="http://schemas.openxmlformats.org/officeDocument/2006/relationships/printerSettings" Target="../printerSettings/printerSettings33.bin"/></Relationships>
</file>

<file path=xl/worksheets/_rels/sheet34.xml.rels><?xml version="1.0" encoding="UTF-8" standalone="yes"?>
<Relationships xmlns="http://schemas.openxmlformats.org/package/2006/relationships"><Relationship Id="rId1" Type="http://schemas.openxmlformats.org/officeDocument/2006/relationships/printerSettings" Target="../printerSettings/printerSettings34.bin"/></Relationships>
</file>

<file path=xl/worksheets/_rels/sheet35.xml.rels><?xml version="1.0" encoding="UTF-8" standalone="yes"?>
<Relationships xmlns="http://schemas.openxmlformats.org/package/2006/relationships"><Relationship Id="rId1" Type="http://schemas.openxmlformats.org/officeDocument/2006/relationships/printerSettings" Target="../printerSettings/printerSettings35.bin"/></Relationships>
</file>

<file path=xl/worksheets/_rels/sheet36.xml.rels><?xml version="1.0" encoding="UTF-8" standalone="yes"?>
<Relationships xmlns="http://schemas.openxmlformats.org/package/2006/relationships"><Relationship Id="rId1" Type="http://schemas.openxmlformats.org/officeDocument/2006/relationships/printerSettings" Target="../printerSettings/printerSettings36.bin"/></Relationships>
</file>

<file path=xl/worksheets/_rels/sheet37.xml.rels><?xml version="1.0" encoding="UTF-8" standalone="yes"?>
<Relationships xmlns="http://schemas.openxmlformats.org/package/2006/relationships"><Relationship Id="rId1" Type="http://schemas.openxmlformats.org/officeDocument/2006/relationships/printerSettings" Target="../printerSettings/printerSettings37.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73755D3-2424-449C-AD77-B5C3777D282D}">
  <sheetPr>
    <pageSetUpPr fitToPage="1"/>
  </sheetPr>
  <dimension ref="B2:C38"/>
  <sheetViews>
    <sheetView tabSelected="1" zoomScaleNormal="100" workbookViewId="0">
      <selection activeCell="B2" sqref="B2"/>
    </sheetView>
  </sheetViews>
  <sheetFormatPr defaultColWidth="8.75" defaultRowHeight="13"/>
  <cols>
    <col min="1" max="1" width="6.58203125" customWidth="1"/>
    <col min="2" max="2" width="17.5" style="779" customWidth="1"/>
    <col min="3" max="3" width="116.83203125" bestFit="1" customWidth="1"/>
  </cols>
  <sheetData>
    <row r="2" spans="2:3" s="395" customFormat="1" ht="26">
      <c r="B2" s="970" t="s">
        <v>781</v>
      </c>
      <c r="C2" s="970" t="s">
        <v>783</v>
      </c>
    </row>
    <row r="3" spans="2:3" ht="12.65" customHeight="1">
      <c r="B3" s="971" t="s">
        <v>618</v>
      </c>
      <c r="C3" s="972" t="s">
        <v>478</v>
      </c>
    </row>
    <row r="4" spans="2:3">
      <c r="B4" s="971" t="s">
        <v>619</v>
      </c>
      <c r="C4" s="972" t="s">
        <v>476</v>
      </c>
    </row>
    <row r="5" spans="2:3">
      <c r="B5" s="971" t="s">
        <v>620</v>
      </c>
      <c r="C5" s="972" t="s">
        <v>238</v>
      </c>
    </row>
    <row r="6" spans="2:3">
      <c r="B6" s="971" t="s">
        <v>621</v>
      </c>
      <c r="C6" s="972" t="s">
        <v>239</v>
      </c>
    </row>
    <row r="7" spans="2:3">
      <c r="B7" s="971" t="s">
        <v>622</v>
      </c>
      <c r="C7" s="972" t="s">
        <v>613</v>
      </c>
    </row>
    <row r="8" spans="2:3">
      <c r="B8" s="971" t="s">
        <v>623</v>
      </c>
      <c r="C8" s="972" t="s">
        <v>612</v>
      </c>
    </row>
    <row r="9" spans="2:3">
      <c r="B9" s="971" t="s">
        <v>624</v>
      </c>
      <c r="C9" s="972" t="s">
        <v>614</v>
      </c>
    </row>
    <row r="10" spans="2:3">
      <c r="B10" s="971" t="s">
        <v>625</v>
      </c>
      <c r="C10" s="972" t="s">
        <v>615</v>
      </c>
    </row>
    <row r="11" spans="2:3">
      <c r="B11" s="971" t="s">
        <v>696</v>
      </c>
      <c r="C11" s="972" t="s">
        <v>699</v>
      </c>
    </row>
    <row r="12" spans="2:3">
      <c r="B12" s="971" t="s">
        <v>697</v>
      </c>
      <c r="C12" s="972" t="s">
        <v>700</v>
      </c>
    </row>
    <row r="13" spans="2:3">
      <c r="B13" s="971" t="s">
        <v>698</v>
      </c>
      <c r="C13" s="972" t="s">
        <v>701</v>
      </c>
    </row>
    <row r="14" spans="2:3">
      <c r="B14" s="971" t="s">
        <v>674</v>
      </c>
      <c r="C14" s="972" t="s">
        <v>657</v>
      </c>
    </row>
    <row r="15" spans="2:3">
      <c r="B15" s="971" t="s">
        <v>675</v>
      </c>
      <c r="C15" s="972" t="s">
        <v>668</v>
      </c>
    </row>
    <row r="16" spans="2:3">
      <c r="B16" s="971" t="s">
        <v>626</v>
      </c>
      <c r="C16" s="972" t="s">
        <v>477</v>
      </c>
    </row>
    <row r="17" spans="2:3">
      <c r="B17" s="971" t="s">
        <v>627</v>
      </c>
      <c r="C17" s="972" t="s">
        <v>166</v>
      </c>
    </row>
    <row r="18" spans="2:3">
      <c r="B18" s="971" t="s">
        <v>628</v>
      </c>
      <c r="C18" s="972" t="s">
        <v>169</v>
      </c>
    </row>
    <row r="19" spans="2:3">
      <c r="B19" s="971" t="s">
        <v>629</v>
      </c>
      <c r="C19" s="972" t="s">
        <v>185</v>
      </c>
    </row>
    <row r="20" spans="2:3">
      <c r="B20" s="971" t="s">
        <v>630</v>
      </c>
      <c r="C20" s="972" t="s">
        <v>186</v>
      </c>
    </row>
    <row r="21" spans="2:3">
      <c r="B21" s="971" t="s">
        <v>631</v>
      </c>
      <c r="C21" s="972" t="s">
        <v>236</v>
      </c>
    </row>
    <row r="22" spans="2:3">
      <c r="B22" s="971" t="s">
        <v>632</v>
      </c>
      <c r="C22" s="972" t="s">
        <v>235</v>
      </c>
    </row>
    <row r="23" spans="2:3">
      <c r="B23" s="971" t="s">
        <v>633</v>
      </c>
      <c r="C23" s="972" t="s">
        <v>500</v>
      </c>
    </row>
    <row r="24" spans="2:3">
      <c r="B24" s="971" t="s">
        <v>634</v>
      </c>
      <c r="C24" s="972" t="s">
        <v>233</v>
      </c>
    </row>
    <row r="25" spans="2:3">
      <c r="B25" s="971" t="s">
        <v>635</v>
      </c>
      <c r="C25" s="972" t="s">
        <v>231</v>
      </c>
    </row>
    <row r="26" spans="2:3">
      <c r="B26" s="971" t="s">
        <v>636</v>
      </c>
      <c r="C26" s="972" t="s">
        <v>230</v>
      </c>
    </row>
    <row r="27" spans="2:3">
      <c r="B27" s="971" t="s">
        <v>637</v>
      </c>
      <c r="C27" s="972" t="s">
        <v>229</v>
      </c>
    </row>
    <row r="28" spans="2:3">
      <c r="B28" s="971" t="s">
        <v>638</v>
      </c>
      <c r="C28" s="972" t="s">
        <v>234</v>
      </c>
    </row>
    <row r="29" spans="2:3">
      <c r="B29" s="971" t="s">
        <v>639</v>
      </c>
      <c r="C29" s="972" t="s">
        <v>228</v>
      </c>
    </row>
    <row r="30" spans="2:3">
      <c r="B30" s="971" t="s">
        <v>640</v>
      </c>
      <c r="C30" s="972" t="s">
        <v>227</v>
      </c>
    </row>
    <row r="31" spans="2:3">
      <c r="B31" s="971" t="s">
        <v>641</v>
      </c>
      <c r="C31" s="972" t="s">
        <v>225</v>
      </c>
    </row>
    <row r="32" spans="2:3">
      <c r="B32" s="971" t="s">
        <v>642</v>
      </c>
      <c r="C32" s="972" t="s">
        <v>160</v>
      </c>
    </row>
    <row r="33" spans="2:3">
      <c r="B33" s="971" t="s">
        <v>643</v>
      </c>
      <c r="C33" s="972" t="s">
        <v>237</v>
      </c>
    </row>
    <row r="34" spans="2:3">
      <c r="B34" s="971" t="s">
        <v>644</v>
      </c>
      <c r="C34" s="972" t="s">
        <v>232</v>
      </c>
    </row>
    <row r="35" spans="2:3">
      <c r="B35" s="971" t="s">
        <v>645</v>
      </c>
      <c r="C35" s="972" t="s">
        <v>226</v>
      </c>
    </row>
    <row r="36" spans="2:3">
      <c r="B36" s="971" t="s">
        <v>617</v>
      </c>
      <c r="C36" s="973" t="s">
        <v>161</v>
      </c>
    </row>
    <row r="37" spans="2:3">
      <c r="B37" s="971" t="s">
        <v>784</v>
      </c>
      <c r="C37" s="973" t="s">
        <v>782</v>
      </c>
    </row>
    <row r="38" spans="2:3">
      <c r="B38" s="971" t="s">
        <v>616</v>
      </c>
      <c r="C38" s="972" t="s">
        <v>416</v>
      </c>
    </row>
  </sheetData>
  <pageMargins left="0.70866141732283472" right="0.70866141732283472" top="0.74803149606299213" bottom="0.74803149606299213" header="0.31496062992125984" footer="0.31496062992125984"/>
  <pageSetup paperSize="9" scale="91" orientation="landscape" r:id="rId1"/>
  <colBreaks count="1" manualBreakCount="1">
    <brk id="1"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ABCB322-C5E7-43BD-B233-3E6517DB4468}">
  <dimension ref="A1:R27"/>
  <sheetViews>
    <sheetView zoomScaleNormal="100" workbookViewId="0">
      <selection activeCell="B3" sqref="B3"/>
    </sheetView>
  </sheetViews>
  <sheetFormatPr defaultColWidth="9" defaultRowHeight="13"/>
  <cols>
    <col min="1" max="1" width="9" style="588"/>
    <col min="2" max="2" width="3.58203125" style="588" customWidth="1"/>
    <col min="3" max="3" width="44.08203125" style="588" customWidth="1"/>
    <col min="4" max="5" width="9.58203125" style="588" customWidth="1"/>
    <col min="6" max="6" width="10.33203125" style="588" customWidth="1"/>
    <col min="7" max="7" width="17" style="588" customWidth="1"/>
    <col min="8" max="8" width="9.58203125" style="588" customWidth="1"/>
    <col min="9" max="10" width="11.58203125" style="588" customWidth="1"/>
    <col min="11" max="13" width="9.58203125" style="588" customWidth="1"/>
    <col min="14" max="14" width="15.33203125" style="588" customWidth="1"/>
    <col min="15" max="15" width="9.58203125" style="588" customWidth="1"/>
    <col min="16" max="16" width="11" style="588" customWidth="1"/>
    <col min="17" max="17" width="17.33203125" style="588" customWidth="1"/>
    <col min="18" max="18" width="15.08203125" style="588" customWidth="1"/>
    <col min="19" max="16384" width="9" style="588"/>
  </cols>
  <sheetData>
    <row r="1" spans="1:18" s="679" customFormat="1">
      <c r="A1" s="652" t="s">
        <v>685</v>
      </c>
      <c r="B1" s="652"/>
      <c r="C1" s="6"/>
    </row>
    <row r="3" spans="1:18" s="679" customFormat="1">
      <c r="B3" s="733" t="s">
        <v>699</v>
      </c>
    </row>
    <row r="4" spans="1:18">
      <c r="B4" s="590"/>
    </row>
    <row r="5" spans="1:18">
      <c r="B5" s="591"/>
      <c r="C5" s="591"/>
      <c r="D5" s="592" t="s">
        <v>1</v>
      </c>
      <c r="E5" s="592" t="s">
        <v>2</v>
      </c>
      <c r="F5" s="592" t="s">
        <v>3</v>
      </c>
      <c r="G5" s="592" t="s">
        <v>9</v>
      </c>
      <c r="H5" s="592" t="s">
        <v>10</v>
      </c>
      <c r="I5" s="592" t="s">
        <v>11</v>
      </c>
      <c r="J5" s="592" t="s">
        <v>418</v>
      </c>
      <c r="K5" s="592" t="s">
        <v>419</v>
      </c>
      <c r="L5" s="592" t="s">
        <v>420</v>
      </c>
      <c r="M5" s="592" t="s">
        <v>422</v>
      </c>
      <c r="N5" s="592" t="s">
        <v>421</v>
      </c>
      <c r="O5" s="592" t="s">
        <v>423</v>
      </c>
      <c r="P5" s="592" t="s">
        <v>471</v>
      </c>
      <c r="Q5" s="592" t="s">
        <v>593</v>
      </c>
      <c r="R5" s="592" t="s">
        <v>594</v>
      </c>
    </row>
    <row r="6" spans="1:18" s="593" customFormat="1" ht="54" customHeight="1">
      <c r="B6" s="858"/>
      <c r="C6" s="859"/>
      <c r="D6" s="860" t="s">
        <v>702</v>
      </c>
      <c r="E6" s="861"/>
      <c r="F6" s="861"/>
      <c r="G6" s="861"/>
      <c r="H6" s="861"/>
      <c r="I6" s="861"/>
      <c r="J6" s="862"/>
      <c r="K6" s="860" t="s">
        <v>703</v>
      </c>
      <c r="L6" s="861"/>
      <c r="M6" s="861"/>
      <c r="N6" s="861"/>
      <c r="O6" s="861"/>
      <c r="P6" s="861"/>
      <c r="Q6" s="862"/>
      <c r="R6" s="594" t="s">
        <v>704</v>
      </c>
    </row>
    <row r="7" spans="1:18" s="593" customFormat="1">
      <c r="B7" s="595"/>
      <c r="C7" s="596"/>
      <c r="D7" s="863"/>
      <c r="E7" s="860" t="s">
        <v>705</v>
      </c>
      <c r="F7" s="861"/>
      <c r="G7" s="862"/>
      <c r="H7" s="860" t="s">
        <v>706</v>
      </c>
      <c r="I7" s="861"/>
      <c r="J7" s="862"/>
      <c r="K7" s="865"/>
      <c r="L7" s="860" t="s">
        <v>705</v>
      </c>
      <c r="M7" s="861"/>
      <c r="N7" s="862"/>
      <c r="O7" s="860" t="s">
        <v>706</v>
      </c>
      <c r="P7" s="861"/>
      <c r="Q7" s="862"/>
      <c r="R7" s="867" t="s">
        <v>707</v>
      </c>
    </row>
    <row r="8" spans="1:18" s="593" customFormat="1" ht="177.75" customHeight="1">
      <c r="B8" s="595"/>
      <c r="C8" s="596"/>
      <c r="D8" s="863"/>
      <c r="E8" s="863"/>
      <c r="F8" s="870" t="s">
        <v>708</v>
      </c>
      <c r="G8" s="870" t="s">
        <v>709</v>
      </c>
      <c r="H8" s="865"/>
      <c r="I8" s="870" t="s">
        <v>708</v>
      </c>
      <c r="J8" s="870" t="s">
        <v>710</v>
      </c>
      <c r="K8" s="865"/>
      <c r="L8" s="865"/>
      <c r="M8" s="870" t="s">
        <v>708</v>
      </c>
      <c r="N8" s="870" t="s">
        <v>709</v>
      </c>
      <c r="O8" s="865"/>
      <c r="P8" s="870" t="s">
        <v>708</v>
      </c>
      <c r="Q8" s="870" t="s">
        <v>710</v>
      </c>
      <c r="R8" s="868"/>
    </row>
    <row r="9" spans="1:18" s="593" customFormat="1">
      <c r="B9" s="597" t="s">
        <v>693</v>
      </c>
      <c r="C9" s="598"/>
      <c r="D9" s="864"/>
      <c r="E9" s="864"/>
      <c r="F9" s="871"/>
      <c r="G9" s="871"/>
      <c r="H9" s="866"/>
      <c r="I9" s="871"/>
      <c r="J9" s="871"/>
      <c r="K9" s="866"/>
      <c r="L9" s="866"/>
      <c r="M9" s="871"/>
      <c r="N9" s="871"/>
      <c r="O9" s="866"/>
      <c r="P9" s="871"/>
      <c r="Q9" s="871"/>
      <c r="R9" s="869"/>
    </row>
    <row r="10" spans="1:18" s="593" customFormat="1">
      <c r="B10" s="599">
        <v>1</v>
      </c>
      <c r="C10" s="600" t="s">
        <v>711</v>
      </c>
      <c r="D10" s="601">
        <v>58223.101960505832</v>
      </c>
      <c r="E10" s="601">
        <v>58205.362306969502</v>
      </c>
      <c r="F10" s="601">
        <v>23.728454495369999</v>
      </c>
      <c r="G10" s="601">
        <v>2241.7771474638303</v>
      </c>
      <c r="H10" s="601">
        <v>17.739653536323999</v>
      </c>
      <c r="I10" s="601"/>
      <c r="J10" s="601">
        <v>4.7837279856570003</v>
      </c>
      <c r="K10" s="601">
        <v>-32.564277040288005</v>
      </c>
      <c r="L10" s="601">
        <v>-31.674481303579999</v>
      </c>
      <c r="M10" s="601">
        <v>-0.14701709617600001</v>
      </c>
      <c r="N10" s="601">
        <v>-21.731542383086001</v>
      </c>
      <c r="O10" s="601">
        <v>-0.88979573670800005</v>
      </c>
      <c r="P10" s="601"/>
      <c r="Q10" s="601">
        <v>-0.20115986153000001</v>
      </c>
      <c r="R10" s="601">
        <v>10.818970273762</v>
      </c>
    </row>
    <row r="11" spans="1:18">
      <c r="B11" s="602">
        <v>2</v>
      </c>
      <c r="C11" s="603" t="s">
        <v>712</v>
      </c>
      <c r="D11" s="604">
        <v>58214.688972431133</v>
      </c>
      <c r="E11" s="604">
        <v>58196.949318894804</v>
      </c>
      <c r="F11" s="604">
        <v>17.928116677102</v>
      </c>
      <c r="G11" s="604">
        <v>2235.7249240761798</v>
      </c>
      <c r="H11" s="604">
        <v>17.739653536323999</v>
      </c>
      <c r="I11" s="604"/>
      <c r="J11" s="604">
        <v>4.7837279856570003</v>
      </c>
      <c r="K11" s="604">
        <v>-32.544800035150004</v>
      </c>
      <c r="L11" s="604">
        <v>-31.655004298441998</v>
      </c>
      <c r="M11" s="604">
        <v>-0.13607272098699999</v>
      </c>
      <c r="N11" s="604">
        <v>-21.716951223811002</v>
      </c>
      <c r="O11" s="604">
        <v>-0.88979573670800005</v>
      </c>
      <c r="P11" s="604"/>
      <c r="Q11" s="604">
        <v>-0.20115986153000001</v>
      </c>
      <c r="R11" s="604">
        <v>10.818970273762</v>
      </c>
    </row>
    <row r="12" spans="1:18" s="605" customFormat="1">
      <c r="B12" s="606">
        <v>3</v>
      </c>
      <c r="C12" s="607" t="s">
        <v>713</v>
      </c>
      <c r="D12" s="608">
        <v>54138.404124644934</v>
      </c>
      <c r="E12" s="608">
        <v>54121.603316237597</v>
      </c>
      <c r="F12" s="608">
        <v>16.854618497636999</v>
      </c>
      <c r="G12" s="608">
        <v>2064.5432585506801</v>
      </c>
      <c r="H12" s="608">
        <v>16.800808407338</v>
      </c>
      <c r="I12" s="608"/>
      <c r="J12" s="608">
        <v>4.51788285667</v>
      </c>
      <c r="K12" s="608">
        <v>-29.200296930832998</v>
      </c>
      <c r="L12" s="608">
        <v>-28.347511251445003</v>
      </c>
      <c r="M12" s="608">
        <v>-0.13302535314799999</v>
      </c>
      <c r="N12" s="608">
        <v>-19.736549444575001</v>
      </c>
      <c r="O12" s="608">
        <v>-0.85278567938799998</v>
      </c>
      <c r="P12" s="608"/>
      <c r="Q12" s="608">
        <v>-0.20114980421</v>
      </c>
      <c r="R12" s="608">
        <v>10.145970273762</v>
      </c>
    </row>
    <row r="13" spans="1:18">
      <c r="B13" s="602">
        <v>4</v>
      </c>
      <c r="C13" s="603" t="s">
        <v>714</v>
      </c>
      <c r="D13" s="604">
        <v>8.4129880746779993</v>
      </c>
      <c r="E13" s="604">
        <v>8.4129880746779993</v>
      </c>
      <c r="F13" s="604">
        <v>5.800337818269</v>
      </c>
      <c r="G13" s="604">
        <v>6.0522233876509999</v>
      </c>
      <c r="H13" s="604"/>
      <c r="I13" s="604"/>
      <c r="J13" s="604"/>
      <c r="K13" s="604">
        <v>-1.9477005137E-2</v>
      </c>
      <c r="L13" s="604">
        <v>-1.9477005137E-2</v>
      </c>
      <c r="M13" s="604">
        <v>-1.0944375189000001E-2</v>
      </c>
      <c r="N13" s="604">
        <v>-1.4591159276E-2</v>
      </c>
      <c r="O13" s="604"/>
      <c r="P13" s="604"/>
      <c r="Q13" s="604"/>
      <c r="R13" s="604"/>
    </row>
    <row r="14" spans="1:18" s="605" customFormat="1">
      <c r="B14" s="606">
        <v>5</v>
      </c>
      <c r="C14" s="607" t="s">
        <v>715</v>
      </c>
      <c r="D14" s="609">
        <v>8.4129880746779993</v>
      </c>
      <c r="E14" s="609">
        <v>8.4129880746779993</v>
      </c>
      <c r="F14" s="609">
        <v>5.800337818269</v>
      </c>
      <c r="G14" s="609">
        <v>6.0522233876509999</v>
      </c>
      <c r="H14" s="609"/>
      <c r="I14" s="609"/>
      <c r="J14" s="609"/>
      <c r="K14" s="609">
        <v>-1.9477005137E-2</v>
      </c>
      <c r="L14" s="609">
        <v>-1.9477005137E-2</v>
      </c>
      <c r="M14" s="609">
        <v>-1.0944375189000001E-2</v>
      </c>
      <c r="N14" s="609">
        <v>-1.4591159276E-2</v>
      </c>
      <c r="O14" s="609"/>
      <c r="P14" s="609"/>
      <c r="Q14" s="609"/>
      <c r="R14" s="609"/>
    </row>
    <row r="15" spans="1:18" s="605" customFormat="1">
      <c r="B15" s="606">
        <v>6</v>
      </c>
      <c r="C15" s="607" t="s">
        <v>716</v>
      </c>
      <c r="D15" s="609">
        <v>3.3449035818460002</v>
      </c>
      <c r="E15" s="609">
        <v>3.3449035818460002</v>
      </c>
      <c r="F15" s="609">
        <v>3.3449035818460002</v>
      </c>
      <c r="G15" s="609">
        <v>3.3449035818460002</v>
      </c>
      <c r="H15" s="609"/>
      <c r="I15" s="609"/>
      <c r="J15" s="609"/>
      <c r="K15" s="609">
        <v>-4.6987797169999995E-3</v>
      </c>
      <c r="L15" s="609">
        <v>-4.6987797169999995E-3</v>
      </c>
      <c r="M15" s="609">
        <v>-4.6987797169999995E-3</v>
      </c>
      <c r="N15" s="609">
        <v>-4.6987797169999995E-3</v>
      </c>
      <c r="O15" s="609"/>
      <c r="P15" s="609"/>
      <c r="Q15" s="609"/>
      <c r="R15" s="609"/>
    </row>
    <row r="16" spans="1:18">
      <c r="D16" s="610"/>
      <c r="E16" s="610"/>
      <c r="F16" s="610"/>
      <c r="G16" s="610"/>
      <c r="H16" s="610"/>
      <c r="I16" s="610"/>
      <c r="J16" s="610"/>
      <c r="K16" s="610"/>
      <c r="L16" s="610"/>
      <c r="M16" s="610"/>
      <c r="N16" s="610"/>
      <c r="O16" s="610"/>
      <c r="P16" s="610"/>
      <c r="Q16" s="610"/>
      <c r="R16" s="610"/>
    </row>
    <row r="17" spans="2:18">
      <c r="B17" s="591"/>
      <c r="C17" s="591"/>
      <c r="D17" s="592" t="s">
        <v>1</v>
      </c>
      <c r="E17" s="592" t="s">
        <v>2</v>
      </c>
      <c r="F17" s="592" t="s">
        <v>3</v>
      </c>
      <c r="G17" s="592" t="s">
        <v>9</v>
      </c>
      <c r="H17" s="592" t="s">
        <v>10</v>
      </c>
      <c r="I17" s="592" t="s">
        <v>11</v>
      </c>
      <c r="J17" s="592" t="s">
        <v>418</v>
      </c>
      <c r="K17" s="592" t="s">
        <v>419</v>
      </c>
      <c r="L17" s="592" t="s">
        <v>420</v>
      </c>
      <c r="M17" s="592" t="s">
        <v>422</v>
      </c>
      <c r="N17" s="592" t="s">
        <v>421</v>
      </c>
      <c r="O17" s="592" t="s">
        <v>423</v>
      </c>
      <c r="P17" s="592" t="s">
        <v>471</v>
      </c>
      <c r="Q17" s="592" t="s">
        <v>593</v>
      </c>
      <c r="R17" s="592" t="s">
        <v>594</v>
      </c>
    </row>
    <row r="18" spans="2:18" s="593" customFormat="1" ht="54" customHeight="1">
      <c r="B18" s="858"/>
      <c r="C18" s="859"/>
      <c r="D18" s="860" t="s">
        <v>702</v>
      </c>
      <c r="E18" s="861"/>
      <c r="F18" s="861"/>
      <c r="G18" s="861"/>
      <c r="H18" s="861"/>
      <c r="I18" s="861"/>
      <c r="J18" s="862"/>
      <c r="K18" s="860" t="s">
        <v>703</v>
      </c>
      <c r="L18" s="861"/>
      <c r="M18" s="861"/>
      <c r="N18" s="861"/>
      <c r="O18" s="861"/>
      <c r="P18" s="861"/>
      <c r="Q18" s="862"/>
      <c r="R18" s="594" t="s">
        <v>704</v>
      </c>
    </row>
    <row r="19" spans="2:18" s="593" customFormat="1">
      <c r="B19" s="595"/>
      <c r="C19" s="596"/>
      <c r="D19" s="863"/>
      <c r="E19" s="860" t="s">
        <v>705</v>
      </c>
      <c r="F19" s="861"/>
      <c r="G19" s="862"/>
      <c r="H19" s="860" t="s">
        <v>706</v>
      </c>
      <c r="I19" s="861"/>
      <c r="J19" s="862"/>
      <c r="K19" s="865"/>
      <c r="L19" s="860" t="s">
        <v>705</v>
      </c>
      <c r="M19" s="861"/>
      <c r="N19" s="862"/>
      <c r="O19" s="860" t="s">
        <v>706</v>
      </c>
      <c r="P19" s="861"/>
      <c r="Q19" s="862"/>
      <c r="R19" s="867" t="s">
        <v>707</v>
      </c>
    </row>
    <row r="20" spans="2:18" s="593" customFormat="1" ht="177.75" customHeight="1">
      <c r="B20" s="595"/>
      <c r="C20" s="596"/>
      <c r="D20" s="863"/>
      <c r="E20" s="863"/>
      <c r="F20" s="870" t="s">
        <v>708</v>
      </c>
      <c r="G20" s="870" t="s">
        <v>709</v>
      </c>
      <c r="H20" s="865"/>
      <c r="I20" s="870" t="s">
        <v>708</v>
      </c>
      <c r="J20" s="870" t="s">
        <v>710</v>
      </c>
      <c r="K20" s="865"/>
      <c r="L20" s="865"/>
      <c r="M20" s="870" t="s">
        <v>708</v>
      </c>
      <c r="N20" s="870" t="s">
        <v>709</v>
      </c>
      <c r="O20" s="865"/>
      <c r="P20" s="870" t="s">
        <v>708</v>
      </c>
      <c r="Q20" s="870" t="s">
        <v>710</v>
      </c>
      <c r="R20" s="868"/>
    </row>
    <row r="21" spans="2:18" s="593" customFormat="1">
      <c r="B21" s="747" t="s">
        <v>694</v>
      </c>
      <c r="C21" s="748"/>
      <c r="D21" s="864"/>
      <c r="E21" s="864"/>
      <c r="F21" s="871"/>
      <c r="G21" s="871"/>
      <c r="H21" s="866"/>
      <c r="I21" s="871"/>
      <c r="J21" s="871"/>
      <c r="K21" s="866"/>
      <c r="L21" s="866"/>
      <c r="M21" s="871"/>
      <c r="N21" s="871"/>
      <c r="O21" s="866"/>
      <c r="P21" s="871"/>
      <c r="Q21" s="871"/>
      <c r="R21" s="869"/>
    </row>
    <row r="22" spans="2:18" s="593" customFormat="1">
      <c r="B22" s="599">
        <v>1</v>
      </c>
      <c r="C22" s="600" t="s">
        <v>711</v>
      </c>
      <c r="D22" s="601">
        <v>40714.685800437124</v>
      </c>
      <c r="E22" s="601">
        <v>40703.024433646904</v>
      </c>
      <c r="F22" s="601">
        <v>41.080975725417005</v>
      </c>
      <c r="G22" s="601">
        <v>1984.5475203886601</v>
      </c>
      <c r="H22" s="601">
        <v>11.661366790218</v>
      </c>
      <c r="I22" s="601">
        <v>1.371320460755</v>
      </c>
      <c r="J22" s="601">
        <v>5.8842028174409995</v>
      </c>
      <c r="K22" s="601">
        <v>-33.743354373781003</v>
      </c>
      <c r="L22" s="601">
        <v>-31.396884078226002</v>
      </c>
      <c r="M22" s="601">
        <v>-2.9070546031719999</v>
      </c>
      <c r="N22" s="601">
        <v>-20.876502926998</v>
      </c>
      <c r="O22" s="601">
        <v>-2.3464702955550001</v>
      </c>
      <c r="P22" s="601">
        <v>-1.4665913217E-2</v>
      </c>
      <c r="Q22" s="601">
        <v>-1.7281227938229999</v>
      </c>
      <c r="R22" s="601">
        <v>25.776</v>
      </c>
    </row>
    <row r="23" spans="2:18">
      <c r="B23" s="602">
        <v>2</v>
      </c>
      <c r="C23" s="603" t="s">
        <v>712</v>
      </c>
      <c r="D23" s="604">
        <v>39075.116930866621</v>
      </c>
      <c r="E23" s="604">
        <v>39063.455564076401</v>
      </c>
      <c r="F23" s="604">
        <v>23.061624510226</v>
      </c>
      <c r="G23" s="604">
        <v>1803.3192710077399</v>
      </c>
      <c r="H23" s="604">
        <v>11.661366790218</v>
      </c>
      <c r="I23" s="604">
        <v>1.371320460755</v>
      </c>
      <c r="J23" s="604">
        <v>5.8842028174409995</v>
      </c>
      <c r="K23" s="604">
        <v>-27.261114945429</v>
      </c>
      <c r="L23" s="604">
        <v>-24.914644649873999</v>
      </c>
      <c r="M23" s="604">
        <v>-0.239051769626</v>
      </c>
      <c r="N23" s="604">
        <v>-16.678419290192</v>
      </c>
      <c r="O23" s="604">
        <v>-2.3464702955550001</v>
      </c>
      <c r="P23" s="604">
        <v>-1.4665913217E-2</v>
      </c>
      <c r="Q23" s="604">
        <v>-1.7281227938229999</v>
      </c>
      <c r="R23" s="604">
        <v>25.776</v>
      </c>
    </row>
    <row r="24" spans="2:18" s="605" customFormat="1">
      <c r="B24" s="606">
        <v>3</v>
      </c>
      <c r="C24" s="607" t="s">
        <v>713</v>
      </c>
      <c r="D24" s="608">
        <v>35946.850362004829</v>
      </c>
      <c r="E24" s="608">
        <v>35935.680884291098</v>
      </c>
      <c r="F24" s="608">
        <v>21.536757073844001</v>
      </c>
      <c r="G24" s="608">
        <v>1661.7396897396402</v>
      </c>
      <c r="H24" s="608">
        <v>11.169477713734</v>
      </c>
      <c r="I24" s="608">
        <v>1.371320460755</v>
      </c>
      <c r="J24" s="608">
        <v>5.474436574067</v>
      </c>
      <c r="K24" s="608">
        <v>-23.841522743549</v>
      </c>
      <c r="L24" s="608">
        <v>-21.514167335598</v>
      </c>
      <c r="M24" s="608">
        <v>-0.23240884471600001</v>
      </c>
      <c r="N24" s="608">
        <v>-14.626450726683998</v>
      </c>
      <c r="O24" s="608">
        <v>-2.3273554079509999</v>
      </c>
      <c r="P24" s="608">
        <v>-1.4665913217E-2</v>
      </c>
      <c r="Q24" s="608">
        <v>-1.7202297898500001</v>
      </c>
      <c r="R24" s="608">
        <v>25.776</v>
      </c>
    </row>
    <row r="25" spans="2:18">
      <c r="B25" s="602">
        <v>4</v>
      </c>
      <c r="C25" s="603" t="s">
        <v>714</v>
      </c>
      <c r="D25" s="604">
        <v>1639.5688695705201</v>
      </c>
      <c r="E25" s="604">
        <v>1639.5688695705201</v>
      </c>
      <c r="F25" s="604">
        <v>18.019351215189999</v>
      </c>
      <c r="G25" s="604">
        <v>181.228259849094</v>
      </c>
      <c r="H25" s="604"/>
      <c r="I25" s="604"/>
      <c r="J25" s="604"/>
      <c r="K25" s="604">
        <v>-6.4822498965269997</v>
      </c>
      <c r="L25" s="604">
        <v>-6.4822498965269997</v>
      </c>
      <c r="M25" s="604">
        <v>-2.6679923653709996</v>
      </c>
      <c r="N25" s="604">
        <v>-4.1980836368060004</v>
      </c>
      <c r="O25" s="604"/>
      <c r="P25" s="604"/>
      <c r="Q25" s="604"/>
      <c r="R25" s="604"/>
    </row>
    <row r="26" spans="2:18" s="605" customFormat="1">
      <c r="B26" s="606">
        <v>5</v>
      </c>
      <c r="C26" s="607" t="s">
        <v>715</v>
      </c>
      <c r="D26" s="609">
        <v>1608.9384346194699</v>
      </c>
      <c r="E26" s="609">
        <v>1608.9384346194699</v>
      </c>
      <c r="F26" s="609">
        <v>18.019351215189999</v>
      </c>
      <c r="G26" s="609">
        <v>168.19093296235599</v>
      </c>
      <c r="H26" s="609"/>
      <c r="I26" s="609"/>
      <c r="J26" s="609"/>
      <c r="K26" s="609">
        <v>-6.443988716792</v>
      </c>
      <c r="L26" s="609">
        <v>-6.443988716792</v>
      </c>
      <c r="M26" s="609">
        <v>-2.6679923653709996</v>
      </c>
      <c r="N26" s="609">
        <v>-4.165674166913</v>
      </c>
      <c r="O26" s="609"/>
      <c r="P26" s="609"/>
      <c r="Q26" s="609"/>
      <c r="R26" s="609"/>
    </row>
    <row r="27" spans="2:18" s="605" customFormat="1">
      <c r="B27" s="606">
        <v>6</v>
      </c>
      <c r="C27" s="607" t="s">
        <v>716</v>
      </c>
      <c r="D27" s="609">
        <v>1408.0399504802499</v>
      </c>
      <c r="E27" s="609">
        <v>1408.0399504802499</v>
      </c>
      <c r="F27" s="609"/>
      <c r="G27" s="609">
        <v>131.25740046223601</v>
      </c>
      <c r="H27" s="609"/>
      <c r="I27" s="609"/>
      <c r="J27" s="609"/>
      <c r="K27" s="609">
        <v>-3.0608734424220003</v>
      </c>
      <c r="L27" s="609">
        <v>-3.0608734424220003</v>
      </c>
      <c r="M27" s="609"/>
      <c r="N27" s="609">
        <v>-1.298514303421</v>
      </c>
      <c r="O27" s="609"/>
      <c r="P27" s="609"/>
      <c r="Q27" s="609"/>
      <c r="R27" s="609"/>
    </row>
  </sheetData>
  <mergeCells count="44">
    <mergeCell ref="B18:C18"/>
    <mergeCell ref="D18:J18"/>
    <mergeCell ref="K18:Q18"/>
    <mergeCell ref="R19:R21"/>
    <mergeCell ref="E20:E21"/>
    <mergeCell ref="F20:F21"/>
    <mergeCell ref="G20:G21"/>
    <mergeCell ref="H20:H21"/>
    <mergeCell ref="I20:I21"/>
    <mergeCell ref="J20:J21"/>
    <mergeCell ref="L20:L21"/>
    <mergeCell ref="M20:M21"/>
    <mergeCell ref="N20:N21"/>
    <mergeCell ref="O20:O21"/>
    <mergeCell ref="P20:P21"/>
    <mergeCell ref="Q20:Q21"/>
    <mergeCell ref="D19:D21"/>
    <mergeCell ref="E19:G19"/>
    <mergeCell ref="H19:J19"/>
    <mergeCell ref="K19:K21"/>
    <mergeCell ref="L19:N19"/>
    <mergeCell ref="O19:Q19"/>
    <mergeCell ref="R7:R9"/>
    <mergeCell ref="E8:E9"/>
    <mergeCell ref="F8:F9"/>
    <mergeCell ref="G8:G9"/>
    <mergeCell ref="H8:H9"/>
    <mergeCell ref="I8:I9"/>
    <mergeCell ref="J8:J9"/>
    <mergeCell ref="L8:L9"/>
    <mergeCell ref="M8:M9"/>
    <mergeCell ref="N8:N9"/>
    <mergeCell ref="P8:P9"/>
    <mergeCell ref="Q8:Q9"/>
    <mergeCell ref="B6:C6"/>
    <mergeCell ref="D6:J6"/>
    <mergeCell ref="K6:Q6"/>
    <mergeCell ref="D7:D9"/>
    <mergeCell ref="E7:G7"/>
    <mergeCell ref="H7:J7"/>
    <mergeCell ref="K7:K9"/>
    <mergeCell ref="L7:N7"/>
    <mergeCell ref="O7:Q7"/>
    <mergeCell ref="O8:O9"/>
  </mergeCells>
  <pageMargins left="0.7" right="0.7" top="0.75" bottom="0.75" header="0.3" footer="0.3"/>
  <pageSetup paperSize="9" scale="22"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CBC2358-9A84-4E55-9691-F7EEBD443B7D}">
  <dimension ref="A1:L31"/>
  <sheetViews>
    <sheetView zoomScaleNormal="100" workbookViewId="0">
      <selection activeCell="B3" sqref="B3"/>
    </sheetView>
  </sheetViews>
  <sheetFormatPr defaultColWidth="9" defaultRowHeight="13"/>
  <cols>
    <col min="1" max="1" width="9" style="588"/>
    <col min="2" max="2" width="3.58203125" style="588" customWidth="1"/>
    <col min="3" max="3" width="50.08203125" style="588" customWidth="1"/>
    <col min="4" max="12" width="11.58203125" style="588" customWidth="1"/>
    <col min="13" max="13" width="18" style="588" customWidth="1"/>
    <col min="14" max="14" width="44.25" style="588" customWidth="1"/>
    <col min="15" max="15" width="9.83203125" style="588" customWidth="1"/>
    <col min="16" max="16" width="19.58203125" style="588" customWidth="1"/>
    <col min="17" max="17" width="24" style="588" customWidth="1"/>
    <col min="18" max="18" width="16.25" style="588" customWidth="1"/>
    <col min="19" max="16384" width="9" style="588"/>
  </cols>
  <sheetData>
    <row r="1" spans="1:12" s="679" customFormat="1">
      <c r="A1" s="652" t="s">
        <v>685</v>
      </c>
      <c r="B1" s="652"/>
      <c r="C1" s="6"/>
    </row>
    <row r="3" spans="1:12" s="679" customFormat="1">
      <c r="B3" s="733" t="s">
        <v>700</v>
      </c>
    </row>
    <row r="5" spans="1:12" s="611" customFormat="1">
      <c r="D5" s="611" t="s">
        <v>1</v>
      </c>
      <c r="E5" s="611" t="s">
        <v>2</v>
      </c>
      <c r="F5" s="611" t="s">
        <v>3</v>
      </c>
      <c r="G5" s="611" t="s">
        <v>9</v>
      </c>
      <c r="H5" s="611" t="s">
        <v>10</v>
      </c>
      <c r="I5" s="611" t="s">
        <v>11</v>
      </c>
      <c r="J5" s="611" t="s">
        <v>418</v>
      </c>
      <c r="K5" s="611" t="s">
        <v>419</v>
      </c>
      <c r="L5" s="611" t="s">
        <v>420</v>
      </c>
    </row>
    <row r="6" spans="1:12" s="593" customFormat="1">
      <c r="B6" s="872" t="s">
        <v>693</v>
      </c>
      <c r="C6" s="873"/>
      <c r="D6" s="878" t="s">
        <v>28</v>
      </c>
      <c r="E6" s="881" t="s">
        <v>702</v>
      </c>
      <c r="F6" s="881"/>
      <c r="G6" s="881"/>
      <c r="H6" s="881"/>
      <c r="I6" s="881"/>
      <c r="J6" s="881"/>
      <c r="K6" s="881"/>
      <c r="L6" s="882"/>
    </row>
    <row r="7" spans="1:12" s="593" customFormat="1">
      <c r="B7" s="874"/>
      <c r="C7" s="875"/>
      <c r="D7" s="879"/>
      <c r="E7" s="883"/>
      <c r="F7" s="885" t="s">
        <v>717</v>
      </c>
      <c r="G7" s="885" t="s">
        <v>718</v>
      </c>
      <c r="H7" s="888" t="s">
        <v>719</v>
      </c>
      <c r="I7" s="889"/>
      <c r="J7" s="889"/>
      <c r="K7" s="889"/>
      <c r="L7" s="890"/>
    </row>
    <row r="8" spans="1:12" s="593" customFormat="1">
      <c r="B8" s="874"/>
      <c r="C8" s="875"/>
      <c r="D8" s="879"/>
      <c r="E8" s="883"/>
      <c r="F8" s="886"/>
      <c r="G8" s="886"/>
      <c r="H8" s="891" t="s">
        <v>720</v>
      </c>
      <c r="I8" s="885" t="s">
        <v>721</v>
      </c>
      <c r="J8" s="885" t="s">
        <v>722</v>
      </c>
      <c r="K8" s="885" t="s">
        <v>723</v>
      </c>
      <c r="L8" s="891" t="s">
        <v>724</v>
      </c>
    </row>
    <row r="9" spans="1:12" s="593" customFormat="1">
      <c r="B9" s="874"/>
      <c r="C9" s="875"/>
      <c r="D9" s="879"/>
      <c r="E9" s="883"/>
      <c r="F9" s="886"/>
      <c r="G9" s="886"/>
      <c r="H9" s="892"/>
      <c r="I9" s="892"/>
      <c r="J9" s="892"/>
      <c r="K9" s="892"/>
      <c r="L9" s="892"/>
    </row>
    <row r="10" spans="1:12" s="593" customFormat="1">
      <c r="B10" s="876"/>
      <c r="C10" s="877"/>
      <c r="D10" s="880"/>
      <c r="E10" s="884"/>
      <c r="F10" s="887"/>
      <c r="G10" s="887"/>
      <c r="H10" s="893"/>
      <c r="I10" s="893"/>
      <c r="J10" s="893"/>
      <c r="K10" s="893"/>
      <c r="L10" s="893"/>
    </row>
    <row r="11" spans="1:12" s="593" customFormat="1">
      <c r="B11" s="612">
        <v>1</v>
      </c>
      <c r="C11" s="613" t="s">
        <v>725</v>
      </c>
      <c r="D11" s="614">
        <v>31898</v>
      </c>
      <c r="E11" s="614">
        <v>62535.193004047105</v>
      </c>
      <c r="F11" s="615"/>
      <c r="G11" s="615"/>
      <c r="H11" s="615"/>
      <c r="I11" s="615"/>
      <c r="J11" s="615"/>
      <c r="K11" s="615"/>
      <c r="L11" s="615"/>
    </row>
    <row r="12" spans="1:12" s="593" customFormat="1">
      <c r="B12" s="612">
        <v>2</v>
      </c>
      <c r="C12" s="613" t="s">
        <v>726</v>
      </c>
      <c r="D12" s="614">
        <v>31376</v>
      </c>
      <c r="E12" s="616">
        <v>61380.658004047116</v>
      </c>
      <c r="F12" s="616">
        <v>22.431453400376</v>
      </c>
      <c r="G12" s="616">
        <v>3157.5560435413099</v>
      </c>
      <c r="H12" s="616">
        <v>1564.69083022223</v>
      </c>
      <c r="I12" s="616">
        <v>1209.47907730218</v>
      </c>
      <c r="J12" s="616">
        <v>54167.111052981396</v>
      </c>
      <c r="K12" s="616">
        <v>1273.991</v>
      </c>
      <c r="L12" s="616">
        <v>5.4</v>
      </c>
    </row>
    <row r="13" spans="1:12">
      <c r="B13" s="617">
        <v>3</v>
      </c>
      <c r="C13" s="618" t="s">
        <v>712</v>
      </c>
      <c r="D13" s="619"/>
      <c r="E13" s="620">
        <v>59790.075640889365</v>
      </c>
      <c r="F13" s="620">
        <v>22.431453400376</v>
      </c>
      <c r="G13" s="620">
        <v>1575.3866684582401</v>
      </c>
      <c r="H13" s="620">
        <v>1559.0869621423399</v>
      </c>
      <c r="I13" s="620">
        <v>1206.6699573073799</v>
      </c>
      <c r="J13" s="620">
        <v>54167.111052981396</v>
      </c>
      <c r="K13" s="620">
        <v>1273.991</v>
      </c>
      <c r="L13" s="620">
        <v>5.4</v>
      </c>
    </row>
    <row r="14" spans="1:12" s="605" customFormat="1">
      <c r="B14" s="621">
        <v>4</v>
      </c>
      <c r="C14" s="622" t="s">
        <v>727</v>
      </c>
      <c r="D14" s="619"/>
      <c r="E14" s="623">
        <v>55574.179513368574</v>
      </c>
      <c r="F14" s="623"/>
      <c r="G14" s="623">
        <v>1435.7763987809401</v>
      </c>
      <c r="H14" s="623">
        <v>1439.2089910028801</v>
      </c>
      <c r="I14" s="623">
        <v>1128.98941170015</v>
      </c>
      <c r="J14" s="623">
        <v>50401.214711884604</v>
      </c>
      <c r="K14" s="623">
        <v>1161.1600000000001</v>
      </c>
      <c r="L14" s="623">
        <v>5.4</v>
      </c>
    </row>
    <row r="15" spans="1:12">
      <c r="B15" s="617">
        <v>5</v>
      </c>
      <c r="C15" s="618" t="s">
        <v>714</v>
      </c>
      <c r="D15" s="619"/>
      <c r="E15" s="620">
        <v>1590.5823631577491</v>
      </c>
      <c r="F15" s="620"/>
      <c r="G15" s="620">
        <v>1582.16937508307</v>
      </c>
      <c r="H15" s="620">
        <v>5.6038680798830001</v>
      </c>
      <c r="I15" s="620">
        <v>2.8091199947959997</v>
      </c>
      <c r="J15" s="620"/>
      <c r="K15" s="620"/>
      <c r="L15" s="620"/>
    </row>
    <row r="16" spans="1:12" s="605" customFormat="1">
      <c r="B16" s="621">
        <v>6</v>
      </c>
      <c r="C16" s="622" t="s">
        <v>728</v>
      </c>
      <c r="D16" s="619"/>
      <c r="E16" s="623">
        <v>1562.6759463428091</v>
      </c>
      <c r="F16" s="623"/>
      <c r="G16" s="623">
        <v>1554.26295826813</v>
      </c>
      <c r="H16" s="623">
        <v>5.6038680798830001</v>
      </c>
      <c r="I16" s="623">
        <v>2.8091199947959997</v>
      </c>
      <c r="J16" s="623"/>
      <c r="K16" s="623"/>
      <c r="L16" s="623"/>
    </row>
    <row r="17" spans="2:12" s="605" customFormat="1">
      <c r="B17" s="621">
        <v>7</v>
      </c>
      <c r="C17" s="622" t="s">
        <v>729</v>
      </c>
      <c r="D17" s="619"/>
      <c r="E17" s="623">
        <v>1225.304980735656</v>
      </c>
      <c r="F17" s="623"/>
      <c r="G17" s="623">
        <v>1221.9600771538101</v>
      </c>
      <c r="H17" s="623">
        <v>3.3449035818460002</v>
      </c>
      <c r="I17" s="623"/>
      <c r="J17" s="623"/>
      <c r="K17" s="623"/>
      <c r="L17" s="623"/>
    </row>
    <row r="18" spans="2:12">
      <c r="D18" s="610"/>
      <c r="E18" s="610"/>
      <c r="F18" s="610"/>
      <c r="G18" s="610"/>
      <c r="H18" s="610"/>
      <c r="I18" s="610"/>
      <c r="J18" s="610"/>
      <c r="K18" s="610"/>
      <c r="L18" s="610"/>
    </row>
    <row r="19" spans="2:12" s="611" customFormat="1">
      <c r="D19" s="611" t="s">
        <v>1</v>
      </c>
      <c r="E19" s="611" t="s">
        <v>2</v>
      </c>
      <c r="F19" s="611" t="s">
        <v>3</v>
      </c>
      <c r="G19" s="611" t="s">
        <v>9</v>
      </c>
      <c r="H19" s="611" t="s">
        <v>10</v>
      </c>
      <c r="I19" s="611" t="s">
        <v>11</v>
      </c>
      <c r="J19" s="611" t="s">
        <v>418</v>
      </c>
      <c r="K19" s="611" t="s">
        <v>419</v>
      </c>
      <c r="L19" s="611" t="s">
        <v>420</v>
      </c>
    </row>
    <row r="20" spans="2:12" s="593" customFormat="1">
      <c r="B20" s="894" t="s">
        <v>694</v>
      </c>
      <c r="C20" s="895"/>
      <c r="D20" s="878" t="s">
        <v>28</v>
      </c>
      <c r="E20" s="881" t="s">
        <v>702</v>
      </c>
      <c r="F20" s="881"/>
      <c r="G20" s="881"/>
      <c r="H20" s="881"/>
      <c r="I20" s="881"/>
      <c r="J20" s="881"/>
      <c r="K20" s="881"/>
      <c r="L20" s="882"/>
    </row>
    <row r="21" spans="2:12" s="593" customFormat="1">
      <c r="B21" s="896"/>
      <c r="C21" s="897"/>
      <c r="D21" s="879"/>
      <c r="E21" s="883"/>
      <c r="F21" s="885" t="s">
        <v>717</v>
      </c>
      <c r="G21" s="885" t="s">
        <v>718</v>
      </c>
      <c r="H21" s="888" t="s">
        <v>719</v>
      </c>
      <c r="I21" s="889"/>
      <c r="J21" s="889"/>
      <c r="K21" s="889"/>
      <c r="L21" s="890"/>
    </row>
    <row r="22" spans="2:12" s="593" customFormat="1">
      <c r="B22" s="896"/>
      <c r="C22" s="897"/>
      <c r="D22" s="879"/>
      <c r="E22" s="883"/>
      <c r="F22" s="886"/>
      <c r="G22" s="886"/>
      <c r="H22" s="891" t="s">
        <v>720</v>
      </c>
      <c r="I22" s="885" t="s">
        <v>721</v>
      </c>
      <c r="J22" s="885" t="s">
        <v>722</v>
      </c>
      <c r="K22" s="885" t="s">
        <v>723</v>
      </c>
      <c r="L22" s="891" t="s">
        <v>724</v>
      </c>
    </row>
    <row r="23" spans="2:12" s="593" customFormat="1">
      <c r="B23" s="896"/>
      <c r="C23" s="897"/>
      <c r="D23" s="879"/>
      <c r="E23" s="883"/>
      <c r="F23" s="886"/>
      <c r="G23" s="886"/>
      <c r="H23" s="892"/>
      <c r="I23" s="892"/>
      <c r="J23" s="892"/>
      <c r="K23" s="892"/>
      <c r="L23" s="892"/>
    </row>
    <row r="24" spans="2:12" s="593" customFormat="1">
      <c r="B24" s="898"/>
      <c r="C24" s="899"/>
      <c r="D24" s="880"/>
      <c r="E24" s="884"/>
      <c r="F24" s="887"/>
      <c r="G24" s="887"/>
      <c r="H24" s="893"/>
      <c r="I24" s="893"/>
      <c r="J24" s="893"/>
      <c r="K24" s="893"/>
      <c r="L24" s="893"/>
    </row>
    <row r="25" spans="2:12" s="593" customFormat="1">
      <c r="B25" s="612">
        <v>1</v>
      </c>
      <c r="C25" s="613" t="s">
        <v>725</v>
      </c>
      <c r="D25" s="614">
        <v>22620</v>
      </c>
      <c r="E25" s="614">
        <v>41550.8592837537</v>
      </c>
      <c r="F25" s="615"/>
      <c r="G25" s="615"/>
      <c r="H25" s="615"/>
      <c r="I25" s="615"/>
      <c r="J25" s="615"/>
      <c r="K25" s="615"/>
      <c r="L25" s="615"/>
    </row>
    <row r="26" spans="2:12" s="593" customFormat="1">
      <c r="B26" s="612">
        <v>2</v>
      </c>
      <c r="C26" s="613" t="s">
        <v>726</v>
      </c>
      <c r="D26" s="614">
        <v>22274</v>
      </c>
      <c r="E26" s="616">
        <v>40714.68483896894</v>
      </c>
      <c r="F26" s="616">
        <v>21.255901570966003</v>
      </c>
      <c r="G26" s="616">
        <v>370.69697286822895</v>
      </c>
      <c r="H26" s="616">
        <v>3079.3029321503</v>
      </c>
      <c r="I26" s="616">
        <v>2169.0085463096602</v>
      </c>
      <c r="J26" s="616">
        <v>1631.07201521659</v>
      </c>
      <c r="K26" s="616">
        <v>868.53340644069397</v>
      </c>
      <c r="L26" s="616">
        <v>32966.767938851699</v>
      </c>
    </row>
    <row r="27" spans="2:12">
      <c r="B27" s="617">
        <v>3</v>
      </c>
      <c r="C27" s="618" t="s">
        <v>712</v>
      </c>
      <c r="D27" s="619"/>
      <c r="E27" s="620">
        <v>39075.115990334794</v>
      </c>
      <c r="F27" s="620">
        <v>21</v>
      </c>
      <c r="G27" s="620">
        <v>233.728502495751</v>
      </c>
      <c r="H27" s="620">
        <v>1858.1836152687799</v>
      </c>
      <c r="I27" s="620">
        <v>1758.51709917379</v>
      </c>
      <c r="J27" s="620">
        <v>1630.41550361959</v>
      </c>
      <c r="K27" s="620">
        <v>862.78125941163501</v>
      </c>
      <c r="L27" s="620">
        <v>32965.218512861</v>
      </c>
    </row>
    <row r="28" spans="2:12" s="605" customFormat="1">
      <c r="B28" s="621">
        <v>4</v>
      </c>
      <c r="C28" s="622" t="s">
        <v>727</v>
      </c>
      <c r="D28" s="619"/>
      <c r="E28" s="623">
        <v>35946.849619473025</v>
      </c>
      <c r="F28" s="623"/>
      <c r="G28" s="623">
        <v>203.83578077540801</v>
      </c>
      <c r="H28" s="623">
        <v>1671.77775506938</v>
      </c>
      <c r="I28" s="623">
        <v>1632.9682643661699</v>
      </c>
      <c r="J28" s="623">
        <v>1502.5813432355901</v>
      </c>
      <c r="K28" s="623">
        <v>802.60278994088799</v>
      </c>
      <c r="L28" s="623">
        <v>30336.919466861</v>
      </c>
    </row>
    <row r="29" spans="2:12">
      <c r="B29" s="617">
        <v>5</v>
      </c>
      <c r="C29" s="618" t="s">
        <v>714</v>
      </c>
      <c r="D29" s="619"/>
      <c r="E29" s="620">
        <v>1639.5688695705242</v>
      </c>
      <c r="F29" s="620"/>
      <c r="G29" s="620">
        <v>136.96847037247801</v>
      </c>
      <c r="H29" s="620">
        <v>1221.11931688152</v>
      </c>
      <c r="I29" s="620">
        <v>410.49146807222303</v>
      </c>
      <c r="J29" s="620">
        <v>0.65651159700600004</v>
      </c>
      <c r="K29" s="620">
        <v>5.7521574972350002</v>
      </c>
      <c r="L29" s="620">
        <v>1.5494155225399999</v>
      </c>
    </row>
    <row r="30" spans="2:12" s="605" customFormat="1">
      <c r="B30" s="621">
        <v>6</v>
      </c>
      <c r="C30" s="622" t="s">
        <v>728</v>
      </c>
      <c r="D30" s="619"/>
      <c r="E30" s="623">
        <v>1608.9384346194643</v>
      </c>
      <c r="F30" s="623"/>
      <c r="G30" s="623">
        <v>134.83860501269899</v>
      </c>
      <c r="H30" s="623">
        <v>1190.4888819304599</v>
      </c>
      <c r="I30" s="623">
        <v>410.49146807222303</v>
      </c>
      <c r="J30" s="623">
        <v>0.65651159700600004</v>
      </c>
      <c r="K30" s="623">
        <v>5.7521574972350002</v>
      </c>
      <c r="L30" s="623">
        <v>1.5494155225399999</v>
      </c>
    </row>
    <row r="31" spans="2:12" s="605" customFormat="1">
      <c r="B31" s="621">
        <v>7</v>
      </c>
      <c r="C31" s="622" t="s">
        <v>729</v>
      </c>
      <c r="D31" s="619"/>
      <c r="E31" s="623">
        <v>1408.0399504802492</v>
      </c>
      <c r="F31" s="623"/>
      <c r="G31" s="623">
        <v>58.957013005161002</v>
      </c>
      <c r="H31" s="623">
        <v>1050.5607863044499</v>
      </c>
      <c r="I31" s="623">
        <v>349.52107955901801</v>
      </c>
      <c r="J31" s="623">
        <v>0.65651159700600004</v>
      </c>
      <c r="K31" s="623">
        <v>5.7521574972350002</v>
      </c>
      <c r="L31" s="623">
        <v>1.5494155225399999</v>
      </c>
    </row>
  </sheetData>
  <mergeCells count="24">
    <mergeCell ref="B20:C24"/>
    <mergeCell ref="D20:D24"/>
    <mergeCell ref="E20:L20"/>
    <mergeCell ref="E21:E24"/>
    <mergeCell ref="F21:F24"/>
    <mergeCell ref="G21:G24"/>
    <mergeCell ref="H21:L21"/>
    <mergeCell ref="H22:H24"/>
    <mergeCell ref="I22:I24"/>
    <mergeCell ref="J22:J24"/>
    <mergeCell ref="K22:K24"/>
    <mergeCell ref="L22:L24"/>
    <mergeCell ref="B6:C10"/>
    <mergeCell ref="D6:D10"/>
    <mergeCell ref="E6:L6"/>
    <mergeCell ref="E7:E10"/>
    <mergeCell ref="F7:F10"/>
    <mergeCell ref="G7:G10"/>
    <mergeCell ref="H7:L7"/>
    <mergeCell ref="H8:H10"/>
    <mergeCell ref="I8:I10"/>
    <mergeCell ref="J8:J10"/>
    <mergeCell ref="K8:K10"/>
    <mergeCell ref="L8:L10"/>
  </mergeCells>
  <pageMargins left="0.7" right="0.7" top="0.75" bottom="0.75" header="0.3" footer="0.3"/>
  <pageSetup paperSize="9" scale="35" orientation="portrait" r:id="rId1"/>
  <colBreaks count="1" manualBreakCount="1">
    <brk id="12" max="16"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D60AEC6-51FD-4B23-9000-848FB3762E8C}">
  <dimension ref="A1:G28"/>
  <sheetViews>
    <sheetView zoomScaleNormal="100" workbookViewId="0">
      <selection activeCell="B3" sqref="B3"/>
    </sheetView>
  </sheetViews>
  <sheetFormatPr defaultColWidth="9" defaultRowHeight="13"/>
  <cols>
    <col min="1" max="1" width="9" style="588"/>
    <col min="2" max="2" width="3.58203125" style="588" customWidth="1"/>
    <col min="3" max="3" width="58.25" style="588" bestFit="1" customWidth="1"/>
    <col min="4" max="4" width="7.83203125" style="588" customWidth="1"/>
    <col min="5" max="5" width="16.58203125" style="588" customWidth="1"/>
    <col min="6" max="6" width="22.75" style="588" customWidth="1"/>
    <col min="7" max="7" width="19.33203125" style="588" customWidth="1"/>
    <col min="8" max="8" width="10.25" style="588" customWidth="1"/>
    <col min="9" max="9" width="21.33203125" style="588" customWidth="1"/>
    <col min="10" max="10" width="31.08203125" style="588" customWidth="1"/>
    <col min="11" max="11" width="10.25" style="588" customWidth="1"/>
    <col min="12" max="12" width="9" style="588"/>
    <col min="13" max="13" width="18" style="588" customWidth="1"/>
    <col min="14" max="14" width="44.25" style="588" customWidth="1"/>
    <col min="15" max="15" width="9.83203125" style="588" customWidth="1"/>
    <col min="16" max="16" width="19.58203125" style="588" customWidth="1"/>
    <col min="17" max="17" width="24" style="588" customWidth="1"/>
    <col min="18" max="18" width="16.25" style="588" customWidth="1"/>
    <col min="19" max="16384" width="9" style="588"/>
  </cols>
  <sheetData>
    <row r="1" spans="1:7" s="679" customFormat="1">
      <c r="A1" s="652" t="s">
        <v>685</v>
      </c>
      <c r="B1" s="652"/>
      <c r="C1" s="6"/>
    </row>
    <row r="3" spans="1:7">
      <c r="B3" s="589" t="s">
        <v>701</v>
      </c>
    </row>
    <row r="6" spans="1:7">
      <c r="B6" s="624"/>
      <c r="C6" s="625"/>
      <c r="D6" s="617" t="s">
        <v>1</v>
      </c>
      <c r="E6" s="617" t="s">
        <v>2</v>
      </c>
      <c r="F6" s="617" t="s">
        <v>3</v>
      </c>
      <c r="G6" s="617" t="s">
        <v>9</v>
      </c>
    </row>
    <row r="7" spans="1:7" ht="49.5" customHeight="1">
      <c r="B7" s="626"/>
      <c r="C7" s="627"/>
      <c r="D7" s="900" t="s">
        <v>702</v>
      </c>
      <c r="E7" s="901"/>
      <c r="F7" s="628" t="s">
        <v>730</v>
      </c>
      <c r="G7" s="628" t="s">
        <v>702</v>
      </c>
    </row>
    <row r="8" spans="1:7" ht="43.5" customHeight="1">
      <c r="B8" s="629" t="s">
        <v>693</v>
      </c>
      <c r="C8" s="630"/>
      <c r="D8" s="631"/>
      <c r="E8" s="632" t="s">
        <v>731</v>
      </c>
      <c r="F8" s="628" t="s">
        <v>732</v>
      </c>
      <c r="G8" s="628" t="s">
        <v>707</v>
      </c>
    </row>
    <row r="9" spans="1:7">
      <c r="B9" s="617">
        <v>1</v>
      </c>
      <c r="C9" s="613" t="s">
        <v>733</v>
      </c>
      <c r="D9" s="633">
        <v>312.78397462802997</v>
      </c>
      <c r="E9" s="633"/>
      <c r="F9" s="633">
        <v>233.72321607509201</v>
      </c>
      <c r="G9" s="633"/>
    </row>
    <row r="10" spans="1:7">
      <c r="B10" s="617">
        <v>2</v>
      </c>
      <c r="C10" s="618" t="s">
        <v>712</v>
      </c>
      <c r="D10" s="634"/>
      <c r="E10" s="635"/>
      <c r="F10" s="635"/>
      <c r="G10" s="634"/>
    </row>
    <row r="11" spans="1:7" s="605" customFormat="1">
      <c r="B11" s="621">
        <v>3</v>
      </c>
      <c r="C11" s="636" t="s">
        <v>734</v>
      </c>
      <c r="D11" s="637"/>
      <c r="E11" s="638"/>
      <c r="F11" s="638"/>
      <c r="G11" s="637"/>
    </row>
    <row r="12" spans="1:7">
      <c r="B12" s="617">
        <v>4</v>
      </c>
      <c r="C12" s="618" t="s">
        <v>714</v>
      </c>
      <c r="D12" s="634">
        <v>312.78397462802997</v>
      </c>
      <c r="E12" s="634"/>
      <c r="F12" s="634">
        <v>233.72321607509201</v>
      </c>
      <c r="G12" s="634"/>
    </row>
    <row r="13" spans="1:7" s="605" customFormat="1">
      <c r="B13" s="621">
        <v>5</v>
      </c>
      <c r="C13" s="636" t="s">
        <v>735</v>
      </c>
      <c r="D13" s="637">
        <v>128.15372497154601</v>
      </c>
      <c r="E13" s="638"/>
      <c r="F13" s="638"/>
      <c r="G13" s="637"/>
    </row>
    <row r="14" spans="1:7" s="605" customFormat="1">
      <c r="B14" s="621">
        <v>6</v>
      </c>
      <c r="C14" s="636" t="s">
        <v>736</v>
      </c>
      <c r="D14" s="637">
        <v>24.743524317877</v>
      </c>
      <c r="E14" s="638"/>
      <c r="F14" s="638"/>
      <c r="G14" s="637"/>
    </row>
    <row r="15" spans="1:7">
      <c r="D15" s="639"/>
      <c r="E15" s="639"/>
      <c r="F15" s="639"/>
      <c r="G15" s="639"/>
    </row>
    <row r="16" spans="1:7">
      <c r="B16" s="624"/>
      <c r="C16" s="625"/>
      <c r="D16" s="617" t="s">
        <v>1</v>
      </c>
      <c r="E16" s="617" t="s">
        <v>2</v>
      </c>
      <c r="F16" s="617" t="s">
        <v>3</v>
      </c>
      <c r="G16" s="617" t="s">
        <v>9</v>
      </c>
    </row>
    <row r="17" spans="2:7" ht="49.5" customHeight="1">
      <c r="B17" s="626"/>
      <c r="C17" s="627"/>
      <c r="D17" s="900" t="s">
        <v>702</v>
      </c>
      <c r="E17" s="901"/>
      <c r="F17" s="628" t="s">
        <v>730</v>
      </c>
      <c r="G17" s="628" t="s">
        <v>702</v>
      </c>
    </row>
    <row r="18" spans="2:7" ht="43.5" customHeight="1">
      <c r="B18" s="629" t="s">
        <v>694</v>
      </c>
      <c r="C18" s="630"/>
      <c r="D18" s="631"/>
      <c r="E18" s="632" t="s">
        <v>731</v>
      </c>
      <c r="F18" s="628" t="s">
        <v>732</v>
      </c>
      <c r="G18" s="628" t="s">
        <v>707</v>
      </c>
    </row>
    <row r="19" spans="2:7">
      <c r="B19" s="617">
        <v>1</v>
      </c>
      <c r="C19" s="613" t="s">
        <v>733</v>
      </c>
      <c r="D19" s="633">
        <v>78.453823429192994</v>
      </c>
      <c r="E19" s="633">
        <v>72.821044999999998</v>
      </c>
      <c r="F19" s="633">
        <v>61.635400997104</v>
      </c>
      <c r="G19" s="749"/>
    </row>
    <row r="20" spans="2:7">
      <c r="B20" s="617">
        <v>2</v>
      </c>
      <c r="C20" s="618" t="s">
        <v>712</v>
      </c>
      <c r="D20" s="634"/>
      <c r="E20" s="635"/>
      <c r="F20" s="635"/>
      <c r="G20" s="750"/>
    </row>
    <row r="21" spans="2:7" s="605" customFormat="1">
      <c r="B21" s="621">
        <v>3</v>
      </c>
      <c r="C21" s="636" t="s">
        <v>734</v>
      </c>
      <c r="D21" s="637"/>
      <c r="E21" s="638"/>
      <c r="F21" s="638"/>
      <c r="G21" s="751"/>
    </row>
    <row r="22" spans="2:7">
      <c r="B22" s="617">
        <v>4</v>
      </c>
      <c r="C22" s="618" t="s">
        <v>714</v>
      </c>
      <c r="D22" s="634">
        <v>78.453823429192994</v>
      </c>
      <c r="E22" s="634">
        <v>72.821044999999998</v>
      </c>
      <c r="F22" s="634">
        <v>61.635400997104</v>
      </c>
      <c r="G22" s="750"/>
    </row>
    <row r="23" spans="2:7" s="605" customFormat="1">
      <c r="B23" s="621">
        <v>5</v>
      </c>
      <c r="C23" s="636" t="s">
        <v>735</v>
      </c>
      <c r="D23" s="637">
        <v>39.473338429192999</v>
      </c>
      <c r="E23" s="638"/>
      <c r="F23" s="638"/>
      <c r="G23" s="751"/>
    </row>
    <row r="24" spans="2:7" s="605" customFormat="1">
      <c r="B24" s="621">
        <v>6</v>
      </c>
      <c r="C24" s="636" t="s">
        <v>736</v>
      </c>
      <c r="D24" s="637">
        <v>6.911700324031</v>
      </c>
      <c r="E24" s="638"/>
      <c r="F24" s="638"/>
      <c r="G24" s="751"/>
    </row>
    <row r="25" spans="2:7">
      <c r="D25" s="639"/>
      <c r="E25" s="639"/>
      <c r="F25" s="639"/>
      <c r="G25" s="639"/>
    </row>
    <row r="26" spans="2:7">
      <c r="D26" s="639"/>
      <c r="E26" s="639"/>
      <c r="F26" s="639"/>
      <c r="G26" s="639"/>
    </row>
    <row r="27" spans="2:7">
      <c r="D27" s="639"/>
      <c r="E27" s="639"/>
      <c r="F27" s="639"/>
      <c r="G27" s="639"/>
    </row>
    <row r="28" spans="2:7">
      <c r="D28" s="639"/>
      <c r="E28" s="639"/>
      <c r="F28" s="639"/>
      <c r="G28" s="639"/>
    </row>
  </sheetData>
  <mergeCells count="2">
    <mergeCell ref="D7:E7"/>
    <mergeCell ref="D17:E17"/>
  </mergeCells>
  <pageMargins left="0.7" right="0.7" top="0.75" bottom="0.75" header="0.3" footer="0.3"/>
  <pageSetup paperSize="9" scale="37" orientation="portrait" r:id="rId1"/>
  <colBreaks count="1" manualBreakCount="1">
    <brk id="12" max="16"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237231F-7AB6-483A-9C5A-800526D735DA}">
  <sheetPr codeName="Sheet21">
    <pageSetUpPr fitToPage="1"/>
  </sheetPr>
  <dimension ref="A1:P31"/>
  <sheetViews>
    <sheetView zoomScaleNormal="100" workbookViewId="0">
      <selection activeCell="B3" sqref="B3"/>
    </sheetView>
  </sheetViews>
  <sheetFormatPr defaultColWidth="8.25" defaultRowHeight="12.75" customHeight="1"/>
  <cols>
    <col min="1" max="1" width="6.25" style="222" customWidth="1"/>
    <col min="2" max="2" width="65.58203125" style="222" customWidth="1"/>
    <col min="3" max="4" width="18.58203125" style="222" customWidth="1"/>
    <col min="5" max="5" width="25.5" style="224" customWidth="1"/>
    <col min="6" max="6" width="20.25" style="222" customWidth="1"/>
    <col min="7" max="7" width="23.08203125" style="222" customWidth="1"/>
    <col min="8" max="8" width="10.75" style="222" customWidth="1"/>
    <col min="9" max="16384" width="8.25" style="222"/>
  </cols>
  <sheetData>
    <row r="1" spans="1:16" s="224" customFormat="1" ht="12.75" customHeight="1">
      <c r="A1" s="652" t="s">
        <v>685</v>
      </c>
      <c r="B1" s="652"/>
      <c r="C1" s="6"/>
    </row>
    <row r="3" spans="1:16" ht="12.75" customHeight="1">
      <c r="B3" s="226" t="s">
        <v>657</v>
      </c>
    </row>
    <row r="4" spans="1:16" ht="12.75" customHeight="1">
      <c r="B4" s="173"/>
      <c r="C4" s="172" t="s">
        <v>1</v>
      </c>
      <c r="D4" s="172" t="s">
        <v>2</v>
      </c>
    </row>
    <row r="5" spans="1:16" s="223" customFormat="1" ht="12.75" customHeight="1">
      <c r="B5" s="902" t="s">
        <v>693</v>
      </c>
      <c r="C5" s="905" t="s">
        <v>778</v>
      </c>
      <c r="D5" s="908" t="s">
        <v>658</v>
      </c>
      <c r="E5" s="226"/>
      <c r="F5" s="222"/>
      <c r="G5" s="222"/>
      <c r="H5" s="222"/>
      <c r="I5" s="222"/>
      <c r="J5" s="222"/>
      <c r="K5" s="222"/>
      <c r="L5" s="222"/>
      <c r="M5" s="222"/>
      <c r="N5" s="222"/>
      <c r="O5" s="222"/>
      <c r="P5" s="222"/>
    </row>
    <row r="6" spans="1:16" s="223" customFormat="1" ht="12.75" customHeight="1">
      <c r="B6" s="903"/>
      <c r="C6" s="906"/>
      <c r="D6" s="909"/>
      <c r="E6" s="226"/>
      <c r="F6" s="222"/>
      <c r="G6" s="222"/>
      <c r="H6" s="222"/>
      <c r="I6" s="222"/>
      <c r="J6" s="222"/>
      <c r="K6" s="222"/>
      <c r="L6" s="222"/>
      <c r="M6" s="222"/>
      <c r="N6" s="222"/>
      <c r="O6" s="222"/>
      <c r="P6" s="222"/>
    </row>
    <row r="7" spans="1:16" s="223" customFormat="1" ht="12.75" customHeight="1">
      <c r="B7" s="904"/>
      <c r="C7" s="907"/>
      <c r="D7" s="910"/>
      <c r="E7" s="226"/>
      <c r="F7" s="222"/>
      <c r="G7" s="222"/>
      <c r="H7" s="222"/>
      <c r="I7" s="222"/>
      <c r="J7" s="222"/>
      <c r="K7" s="222"/>
      <c r="L7" s="222"/>
      <c r="M7" s="222"/>
      <c r="N7" s="222"/>
      <c r="O7" s="222"/>
      <c r="P7" s="222"/>
    </row>
    <row r="8" spans="1:16" ht="12.75" customHeight="1">
      <c r="A8" s="381">
        <v>1</v>
      </c>
      <c r="B8" s="234" t="s">
        <v>777</v>
      </c>
      <c r="C8" s="236">
        <v>9477.368577330406</v>
      </c>
      <c r="D8" s="225"/>
      <c r="E8" s="226"/>
    </row>
    <row r="9" spans="1:16" ht="13">
      <c r="A9" s="381">
        <v>2</v>
      </c>
      <c r="B9" s="225" t="s">
        <v>659</v>
      </c>
      <c r="C9" s="236">
        <v>1426.6039999999998</v>
      </c>
      <c r="D9" s="225"/>
      <c r="E9" s="226"/>
    </row>
    <row r="10" spans="1:16" ht="12.75" customHeight="1">
      <c r="A10" s="381">
        <v>3</v>
      </c>
      <c r="B10" s="225" t="s">
        <v>660</v>
      </c>
      <c r="C10" s="236">
        <v>-864.92699999999991</v>
      </c>
      <c r="D10" s="225"/>
      <c r="E10" s="226"/>
    </row>
    <row r="11" spans="1:16" ht="12.75" customHeight="1">
      <c r="A11" s="381">
        <v>4</v>
      </c>
      <c r="B11" s="225" t="s">
        <v>661</v>
      </c>
      <c r="C11" s="236">
        <v>-1405</v>
      </c>
      <c r="D11" s="225"/>
    </row>
    <row r="12" spans="1:16" ht="12.75" customHeight="1">
      <c r="A12" s="381">
        <v>5</v>
      </c>
      <c r="B12" s="225" t="s">
        <v>662</v>
      </c>
      <c r="C12" s="236">
        <v>1479</v>
      </c>
      <c r="D12" s="225"/>
    </row>
    <row r="13" spans="1:16" ht="12.75" customHeight="1">
      <c r="A13" s="381">
        <v>6</v>
      </c>
      <c r="B13" s="225" t="s">
        <v>663</v>
      </c>
      <c r="C13" s="236">
        <v>-629</v>
      </c>
      <c r="D13" s="225"/>
    </row>
    <row r="14" spans="1:16" ht="12.75" customHeight="1">
      <c r="A14" s="381">
        <v>7</v>
      </c>
      <c r="B14" s="225" t="s">
        <v>664</v>
      </c>
      <c r="C14" s="236"/>
      <c r="D14" s="225"/>
    </row>
    <row r="15" spans="1:16" ht="12.75" customHeight="1">
      <c r="A15" s="383">
        <v>8</v>
      </c>
      <c r="B15" s="382" t="s">
        <v>468</v>
      </c>
      <c r="C15" s="298">
        <v>27</v>
      </c>
      <c r="D15" s="225"/>
    </row>
    <row r="16" spans="1:16" ht="12.75" customHeight="1">
      <c r="A16" s="381">
        <v>9</v>
      </c>
      <c r="B16" s="234" t="s">
        <v>665</v>
      </c>
      <c r="C16" s="236">
        <v>9512</v>
      </c>
      <c r="D16" s="225"/>
    </row>
    <row r="17" spans="1:16" ht="12.75" customHeight="1">
      <c r="A17" s="381">
        <v>10</v>
      </c>
      <c r="B17" s="225" t="s">
        <v>666</v>
      </c>
      <c r="C17" s="236">
        <v>-91</v>
      </c>
      <c r="D17" s="225"/>
    </row>
    <row r="18" spans="1:16" s="3" customFormat="1" ht="12.75" customHeight="1">
      <c r="A18" s="381">
        <v>11</v>
      </c>
      <c r="B18" s="225" t="s">
        <v>667</v>
      </c>
      <c r="C18" s="236">
        <v>160</v>
      </c>
      <c r="D18" s="225"/>
      <c r="E18" s="225"/>
      <c r="F18" s="222"/>
      <c r="G18" s="222"/>
      <c r="H18" s="222"/>
      <c r="I18" s="222"/>
      <c r="J18" s="222"/>
      <c r="K18" s="222"/>
      <c r="L18" s="222"/>
      <c r="M18" s="222"/>
      <c r="N18" s="222"/>
      <c r="O18" s="222"/>
      <c r="P18" s="222"/>
    </row>
    <row r="19" spans="1:16" s="3" customFormat="1" ht="12.75" customHeight="1">
      <c r="B19" s="225"/>
      <c r="E19" s="225"/>
      <c r="F19" s="222"/>
      <c r="G19" s="222"/>
      <c r="H19" s="222"/>
      <c r="I19" s="222"/>
      <c r="J19" s="222"/>
      <c r="K19" s="222"/>
      <c r="L19" s="222"/>
      <c r="M19" s="222"/>
      <c r="N19" s="222"/>
      <c r="O19" s="222"/>
      <c r="P19" s="222"/>
    </row>
    <row r="20" spans="1:16" ht="19.5" customHeight="1">
      <c r="B20" s="752"/>
    </row>
    <row r="24" spans="1:16" ht="12.75" customHeight="1">
      <c r="B24" s="224"/>
    </row>
    <row r="25" spans="1:16" ht="12.75" customHeight="1">
      <c r="B25" s="224"/>
      <c r="C25" s="224"/>
    </row>
    <row r="26" spans="1:16" ht="12.75" customHeight="1">
      <c r="B26" s="224"/>
      <c r="C26" s="224"/>
    </row>
    <row r="27" spans="1:16" ht="12.75" customHeight="1">
      <c r="B27" s="224"/>
      <c r="C27" s="224"/>
    </row>
    <row r="28" spans="1:16" ht="12.75" customHeight="1">
      <c r="B28" s="224"/>
      <c r="C28" s="224"/>
    </row>
    <row r="29" spans="1:16" ht="12.75" customHeight="1">
      <c r="B29" s="224"/>
      <c r="C29" s="224"/>
    </row>
    <row r="30" spans="1:16" ht="12.75" customHeight="1">
      <c r="B30" s="224"/>
      <c r="C30" s="224"/>
    </row>
    <row r="31" spans="1:16" ht="12.75" customHeight="1">
      <c r="B31" s="224"/>
      <c r="C31" s="224"/>
    </row>
  </sheetData>
  <mergeCells count="3">
    <mergeCell ref="B5:B7"/>
    <mergeCell ref="C5:C7"/>
    <mergeCell ref="D5:D7"/>
  </mergeCells>
  <pageMargins left="0.70866141732283472" right="0.70866141732283472" top="0.74803149606299213" bottom="0.74803149606299213" header="0.31496062992125984" footer="0.31496062992125984"/>
  <pageSetup paperSize="9"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162DAC7-CFAC-4CDA-BEB8-B537C4171430}">
  <sheetPr codeName="Sheet22">
    <pageSetUpPr fitToPage="1"/>
  </sheetPr>
  <dimension ref="A1:N15"/>
  <sheetViews>
    <sheetView zoomScaleNormal="100" workbookViewId="0">
      <selection activeCell="B3" sqref="B3"/>
    </sheetView>
  </sheetViews>
  <sheetFormatPr defaultColWidth="8.25" defaultRowHeight="12.75" customHeight="1"/>
  <cols>
    <col min="1" max="1" width="6.25" style="222" customWidth="1"/>
    <col min="2" max="2" width="65.58203125" style="222" customWidth="1"/>
    <col min="3" max="3" width="18.58203125" style="222" customWidth="1"/>
    <col min="4" max="4" width="20.25" style="222" customWidth="1"/>
    <col min="5" max="5" width="23.08203125" style="222" customWidth="1"/>
    <col min="6" max="6" width="6" style="222" bestFit="1" customWidth="1"/>
    <col min="7" max="7" width="8.25" style="222"/>
    <col min="8" max="9" width="24.25" style="222" bestFit="1" customWidth="1"/>
    <col min="10" max="16384" width="8.25" style="222"/>
  </cols>
  <sheetData>
    <row r="1" spans="1:14" s="224" customFormat="1" ht="12.75" customHeight="1">
      <c r="A1" s="652" t="s">
        <v>685</v>
      </c>
      <c r="B1" s="652"/>
      <c r="C1" s="6"/>
    </row>
    <row r="2" spans="1:14" ht="12.75" customHeight="1">
      <c r="D2" s="224"/>
    </row>
    <row r="3" spans="1:14" ht="12.75" customHeight="1">
      <c r="B3" s="226" t="s">
        <v>668</v>
      </c>
      <c r="C3" s="224"/>
      <c r="D3" s="224"/>
      <c r="E3" s="224"/>
      <c r="F3" s="224"/>
      <c r="G3" s="224"/>
      <c r="H3" s="224"/>
      <c r="I3" s="224"/>
      <c r="J3" s="224"/>
      <c r="K3" s="224"/>
      <c r="L3" s="224"/>
      <c r="M3" s="224"/>
      <c r="N3" s="224"/>
    </row>
    <row r="4" spans="1:14" s="224" customFormat="1" ht="12.75" customHeight="1">
      <c r="B4" s="226"/>
    </row>
    <row r="5" spans="1:14" s="224" customFormat="1" ht="12.75" customHeight="1">
      <c r="A5" s="222"/>
      <c r="B5" s="222"/>
      <c r="C5" s="172" t="s">
        <v>1</v>
      </c>
    </row>
    <row r="6" spans="1:14" s="224" customFormat="1" ht="12.75" customHeight="1">
      <c r="A6" s="222"/>
      <c r="B6" s="902" t="s">
        <v>693</v>
      </c>
      <c r="C6" s="908" t="s">
        <v>669</v>
      </c>
    </row>
    <row r="7" spans="1:14" s="224" customFormat="1" ht="12.75" customHeight="1">
      <c r="A7" s="222"/>
      <c r="B7" s="903"/>
      <c r="C7" s="909"/>
    </row>
    <row r="8" spans="1:14" s="224" customFormat="1" ht="12.75" customHeight="1">
      <c r="A8" s="222"/>
      <c r="B8" s="904"/>
      <c r="C8" s="910"/>
    </row>
    <row r="9" spans="1:14" s="225" customFormat="1" ht="12.75" customHeight="1">
      <c r="A9" s="381">
        <v>1</v>
      </c>
      <c r="B9" s="234" t="s">
        <v>777</v>
      </c>
      <c r="C9" s="384">
        <v>14927</v>
      </c>
      <c r="D9" s="224"/>
      <c r="E9" s="224"/>
      <c r="F9" s="224"/>
      <c r="G9" s="224"/>
      <c r="H9" s="224"/>
      <c r="I9" s="224"/>
      <c r="J9" s="224"/>
      <c r="K9" s="224"/>
      <c r="L9" s="224"/>
      <c r="M9" s="224"/>
      <c r="N9" s="224"/>
    </row>
    <row r="10" spans="1:14" s="225" customFormat="1" ht="12.75" customHeight="1">
      <c r="A10" s="381">
        <v>2</v>
      </c>
      <c r="B10" s="225" t="s">
        <v>670</v>
      </c>
      <c r="C10" s="236">
        <v>2713.0425511826115</v>
      </c>
      <c r="D10" s="224"/>
      <c r="E10" s="224"/>
      <c r="F10" s="224"/>
      <c r="G10" s="224"/>
      <c r="H10" s="224"/>
      <c r="I10" s="224"/>
      <c r="J10" s="224"/>
      <c r="K10" s="224"/>
      <c r="L10" s="224"/>
      <c r="M10" s="224"/>
      <c r="N10" s="224"/>
    </row>
    <row r="11" spans="1:14" s="225" customFormat="1" ht="12.75" customHeight="1">
      <c r="A11" s="381">
        <v>3</v>
      </c>
      <c r="B11" s="225" t="s">
        <v>671</v>
      </c>
      <c r="C11" s="236">
        <v>-133.84127317000019</v>
      </c>
      <c r="D11" s="224"/>
      <c r="E11" s="224"/>
      <c r="F11" s="224"/>
      <c r="G11" s="224"/>
      <c r="H11" s="224"/>
      <c r="I11" s="224"/>
      <c r="J11" s="224"/>
      <c r="K11" s="224"/>
      <c r="L11" s="224"/>
      <c r="M11" s="224"/>
      <c r="N11" s="224"/>
    </row>
    <row r="12" spans="1:14" s="225" customFormat="1" ht="12.75" customHeight="1">
      <c r="A12" s="381">
        <v>4</v>
      </c>
      <c r="B12" s="225" t="s">
        <v>672</v>
      </c>
      <c r="C12" s="236">
        <v>-1404.6069375126103</v>
      </c>
      <c r="D12" s="224"/>
      <c r="E12" s="224"/>
      <c r="F12" s="224"/>
      <c r="G12" s="224"/>
      <c r="H12" s="224"/>
      <c r="I12" s="224"/>
      <c r="J12" s="224"/>
      <c r="K12" s="224"/>
      <c r="L12" s="224"/>
      <c r="M12" s="224"/>
      <c r="N12" s="224"/>
    </row>
    <row r="13" spans="1:14" s="225" customFormat="1" ht="12.75" customHeight="1">
      <c r="A13" s="383">
        <v>5</v>
      </c>
      <c r="B13" s="382" t="s">
        <v>673</v>
      </c>
      <c r="C13" s="298">
        <v>-1211.5945359899995</v>
      </c>
      <c r="D13" s="224"/>
      <c r="E13" s="224"/>
      <c r="F13" s="224"/>
      <c r="G13" s="224"/>
      <c r="H13" s="224"/>
      <c r="I13" s="224"/>
      <c r="J13" s="224"/>
      <c r="K13" s="224"/>
      <c r="L13" s="224"/>
      <c r="M13" s="224"/>
      <c r="N13" s="224"/>
    </row>
    <row r="14" spans="1:14" s="225" customFormat="1" ht="12.75" customHeight="1">
      <c r="A14" s="381">
        <v>6</v>
      </c>
      <c r="B14" s="234" t="s">
        <v>665</v>
      </c>
      <c r="C14" s="384">
        <v>14889.99980451</v>
      </c>
      <c r="D14" s="224"/>
      <c r="E14" s="224"/>
      <c r="F14" s="224"/>
      <c r="G14" s="224"/>
      <c r="H14" s="224"/>
      <c r="I14" s="224"/>
      <c r="J14" s="224"/>
      <c r="K14" s="224"/>
      <c r="L14" s="224"/>
      <c r="M14" s="224"/>
      <c r="N14" s="224"/>
    </row>
    <row r="15" spans="1:14" ht="12.75" customHeight="1">
      <c r="D15" s="224"/>
      <c r="E15" s="224"/>
      <c r="F15" s="224"/>
      <c r="G15" s="224"/>
      <c r="H15" s="224"/>
      <c r="I15" s="224"/>
      <c r="J15" s="224"/>
      <c r="K15" s="224"/>
      <c r="L15" s="224"/>
      <c r="M15" s="224"/>
      <c r="N15" s="224"/>
    </row>
  </sheetData>
  <mergeCells count="2">
    <mergeCell ref="B6:B8"/>
    <mergeCell ref="C6:C8"/>
  </mergeCells>
  <pageMargins left="0.70866141732283472" right="0.70866141732283472" top="0.74803149606299213" bottom="0.74803149606299213" header="0.31496062992125984" footer="0.31496062992125984"/>
  <pageSetup paperSize="9"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23">
    <pageSetUpPr fitToPage="1"/>
  </sheetPr>
  <dimension ref="A1:G19"/>
  <sheetViews>
    <sheetView zoomScaleNormal="100" workbookViewId="0">
      <selection activeCell="B3" sqref="B3"/>
    </sheetView>
  </sheetViews>
  <sheetFormatPr defaultColWidth="9" defaultRowHeight="13"/>
  <cols>
    <col min="1" max="1" width="6.75" style="227" customWidth="1"/>
    <col min="2" max="2" width="44.33203125" style="256" customWidth="1"/>
    <col min="3" max="3" width="20.25" style="255" customWidth="1"/>
    <col min="4" max="4" width="15.58203125" style="255" customWidth="1"/>
    <col min="5" max="5" width="16.33203125" style="255" customWidth="1"/>
    <col min="6" max="6" width="17.75" style="255" customWidth="1"/>
    <col min="7" max="7" width="20.08203125" style="255" customWidth="1"/>
    <col min="8" max="16384" width="9" style="255"/>
  </cols>
  <sheetData>
    <row r="1" spans="1:7" s="250" customFormat="1">
      <c r="A1" s="652" t="s">
        <v>685</v>
      </c>
      <c r="B1" s="652"/>
      <c r="C1" s="6"/>
    </row>
    <row r="2" spans="1:7" ht="13.15" customHeight="1">
      <c r="C2" s="257"/>
      <c r="E2" s="257"/>
      <c r="G2" s="269"/>
    </row>
    <row r="3" spans="1:7">
      <c r="A3" s="229"/>
      <c r="B3" s="258" t="s">
        <v>477</v>
      </c>
      <c r="C3" s="257"/>
    </row>
    <row r="4" spans="1:7" s="250" customFormat="1">
      <c r="A4" s="229"/>
      <c r="B4" s="211"/>
      <c r="C4" s="251"/>
      <c r="E4" s="251"/>
    </row>
    <row r="5" spans="1:7">
      <c r="B5" s="259"/>
      <c r="C5" s="260" t="s">
        <v>1</v>
      </c>
      <c r="D5" s="260" t="s">
        <v>2</v>
      </c>
      <c r="E5" s="260" t="s">
        <v>3</v>
      </c>
      <c r="F5" s="260" t="s">
        <v>9</v>
      </c>
      <c r="G5" s="260" t="s">
        <v>10</v>
      </c>
    </row>
    <row r="6" spans="1:7" ht="57.75" customHeight="1">
      <c r="A6" s="228"/>
      <c r="B6" s="913" t="s">
        <v>693</v>
      </c>
      <c r="C6" s="911" t="s">
        <v>129</v>
      </c>
      <c r="D6" s="911" t="s">
        <v>130</v>
      </c>
      <c r="E6" s="911" t="s">
        <v>83</v>
      </c>
      <c r="F6" s="911" t="s">
        <v>17</v>
      </c>
      <c r="G6" s="911" t="s">
        <v>100</v>
      </c>
    </row>
    <row r="7" spans="1:7">
      <c r="A7" s="228"/>
      <c r="B7" s="914"/>
      <c r="C7" s="912"/>
      <c r="D7" s="912"/>
      <c r="E7" s="912"/>
      <c r="F7" s="912"/>
      <c r="G7" s="912"/>
    </row>
    <row r="8" spans="1:7" s="250" customFormat="1">
      <c r="A8" s="260">
        <v>1</v>
      </c>
      <c r="B8" s="261" t="s">
        <v>127</v>
      </c>
      <c r="C8" s="253">
        <v>942070.21711773181</v>
      </c>
      <c r="D8" s="253">
        <v>1005253.5850270001</v>
      </c>
      <c r="E8" s="253">
        <v>931381.38137299998</v>
      </c>
      <c r="F8" s="253">
        <v>73871.813779999997</v>
      </c>
      <c r="G8" s="254"/>
    </row>
    <row r="9" spans="1:7" s="250" customFormat="1">
      <c r="A9" s="260">
        <v>2</v>
      </c>
      <c r="B9" s="262" t="s">
        <v>128</v>
      </c>
      <c r="C9" s="263">
        <v>130452.204013</v>
      </c>
      <c r="D9" s="263">
        <v>927.92320600000005</v>
      </c>
      <c r="E9" s="263"/>
      <c r="F9" s="263">
        <v>927.92320600000005</v>
      </c>
      <c r="G9" s="264"/>
    </row>
    <row r="10" spans="1:7" s="250" customFormat="1">
      <c r="A10" s="265">
        <v>3</v>
      </c>
      <c r="B10" s="266" t="s">
        <v>62</v>
      </c>
      <c r="C10" s="267">
        <v>1072522.4211307317</v>
      </c>
      <c r="D10" s="267">
        <v>1006181.5082330001</v>
      </c>
      <c r="E10" s="267">
        <v>931381.38137299998</v>
      </c>
      <c r="F10" s="267">
        <v>74799.736986000004</v>
      </c>
      <c r="G10" s="267"/>
    </row>
    <row r="11" spans="1:7" s="250" customFormat="1">
      <c r="A11" s="230">
        <v>4</v>
      </c>
      <c r="B11" s="261" t="s">
        <v>16</v>
      </c>
      <c r="C11" s="253">
        <v>6377.0328790000003</v>
      </c>
      <c r="D11" s="253">
        <v>1142.8335770000001</v>
      </c>
      <c r="E11" s="253">
        <v>1102.9860550000001</v>
      </c>
      <c r="F11" s="253">
        <v>39.847521999999998</v>
      </c>
      <c r="G11" s="254"/>
    </row>
    <row r="12" spans="1:7" s="250" customFormat="1">
      <c r="A12" s="230"/>
      <c r="B12" s="261"/>
      <c r="C12" s="335"/>
      <c r="D12" s="335"/>
      <c r="E12" s="335"/>
      <c r="F12" s="335"/>
      <c r="G12" s="261"/>
    </row>
    <row r="13" spans="1:7">
      <c r="B13" s="259"/>
      <c r="C13" s="260" t="s">
        <v>1</v>
      </c>
      <c r="D13" s="260" t="s">
        <v>2</v>
      </c>
      <c r="E13" s="260" t="s">
        <v>3</v>
      </c>
      <c r="F13" s="260" t="s">
        <v>9</v>
      </c>
      <c r="G13" s="260" t="s">
        <v>10</v>
      </c>
    </row>
    <row r="14" spans="1:7" ht="57.75" customHeight="1">
      <c r="A14" s="228"/>
      <c r="B14" s="913" t="s">
        <v>694</v>
      </c>
      <c r="C14" s="911" t="s">
        <v>129</v>
      </c>
      <c r="D14" s="911" t="s">
        <v>130</v>
      </c>
      <c r="E14" s="911" t="s">
        <v>83</v>
      </c>
      <c r="F14" s="911" t="s">
        <v>17</v>
      </c>
      <c r="G14" s="911" t="s">
        <v>100</v>
      </c>
    </row>
    <row r="15" spans="1:7">
      <c r="A15" s="228"/>
      <c r="B15" s="914"/>
      <c r="C15" s="912"/>
      <c r="D15" s="912"/>
      <c r="E15" s="912"/>
      <c r="F15" s="912"/>
      <c r="G15" s="912"/>
    </row>
    <row r="16" spans="1:7" s="250" customFormat="1">
      <c r="A16" s="260">
        <v>1</v>
      </c>
      <c r="B16" s="261" t="s">
        <v>127</v>
      </c>
      <c r="C16" s="478">
        <v>991273.44750000001</v>
      </c>
      <c r="D16" s="478">
        <v>981817.89195800002</v>
      </c>
      <c r="E16" s="478">
        <v>905343.86794499995</v>
      </c>
      <c r="F16" s="478">
        <v>76474.024013000075</v>
      </c>
      <c r="G16" s="254"/>
    </row>
    <row r="17" spans="1:7" s="250" customFormat="1">
      <c r="A17" s="260">
        <v>2</v>
      </c>
      <c r="B17" s="262" t="s">
        <v>128</v>
      </c>
      <c r="C17" s="479">
        <v>229207.223031</v>
      </c>
      <c r="D17" s="479">
        <v>1266.4981660000001</v>
      </c>
      <c r="E17" s="479"/>
      <c r="F17" s="479">
        <v>1266.4981660000001</v>
      </c>
      <c r="G17" s="264"/>
    </row>
    <row r="18" spans="1:7" s="250" customFormat="1">
      <c r="A18" s="265">
        <v>3</v>
      </c>
      <c r="B18" s="266" t="s">
        <v>62</v>
      </c>
      <c r="C18" s="480">
        <v>1220480.670531</v>
      </c>
      <c r="D18" s="480">
        <v>983084.39012400003</v>
      </c>
      <c r="E18" s="480">
        <v>905343.86794499995</v>
      </c>
      <c r="F18" s="480">
        <v>77740.52217900008</v>
      </c>
      <c r="G18" s="267"/>
    </row>
    <row r="19" spans="1:7" s="250" customFormat="1">
      <c r="A19" s="230">
        <v>4</v>
      </c>
      <c r="B19" s="261" t="s">
        <v>16</v>
      </c>
      <c r="C19" s="478">
        <v>7524.1054299999996</v>
      </c>
      <c r="D19" s="478">
        <v>1318.767069</v>
      </c>
      <c r="E19" s="478">
        <v>1272.5660350000001</v>
      </c>
      <c r="F19" s="478">
        <v>46.201034</v>
      </c>
      <c r="G19" s="254"/>
    </row>
  </sheetData>
  <mergeCells count="12">
    <mergeCell ref="G14:G15"/>
    <mergeCell ref="B14:B15"/>
    <mergeCell ref="C14:C15"/>
    <mergeCell ref="D14:D15"/>
    <mergeCell ref="E14:E15"/>
    <mergeCell ref="F14:F15"/>
    <mergeCell ref="G6:G7"/>
    <mergeCell ref="B6:B7"/>
    <mergeCell ref="C6:C7"/>
    <mergeCell ref="D6:D7"/>
    <mergeCell ref="E6:E7"/>
    <mergeCell ref="F6:F7"/>
  </mergeCells>
  <pageMargins left="0.70866141732283472" right="0.70866141732283472" top="0.74803149606299213" bottom="0.74803149606299213" header="0.31496062992125984" footer="0.31496062992125984"/>
  <pageSetup paperSize="9" scale="87" fitToHeight="2"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38">
    <pageSetUpPr fitToPage="1"/>
  </sheetPr>
  <dimension ref="A1:N33"/>
  <sheetViews>
    <sheetView zoomScaleNormal="100" workbookViewId="0">
      <selection activeCell="B3" sqref="B3"/>
    </sheetView>
  </sheetViews>
  <sheetFormatPr defaultColWidth="9" defaultRowHeight="13"/>
  <cols>
    <col min="1" max="1" width="6.83203125" style="87" customWidth="1"/>
    <col min="2" max="2" width="45.58203125" style="102" customWidth="1"/>
    <col min="3" max="6" width="16.58203125" style="86" customWidth="1"/>
    <col min="7" max="8" width="16.58203125" style="87" customWidth="1"/>
    <col min="9" max="9" width="9" style="86" customWidth="1"/>
    <col min="10" max="256" width="9" style="86"/>
    <col min="257" max="257" width="7.58203125" style="86" customWidth="1"/>
    <col min="258" max="258" width="45.58203125" style="86" customWidth="1"/>
    <col min="259" max="264" width="16.58203125" style="86" customWidth="1"/>
    <col min="265" max="265" width="9" style="86" customWidth="1"/>
    <col min="266" max="512" width="9" style="86"/>
    <col min="513" max="513" width="7.58203125" style="86" customWidth="1"/>
    <col min="514" max="514" width="45.58203125" style="86" customWidth="1"/>
    <col min="515" max="520" width="16.58203125" style="86" customWidth="1"/>
    <col min="521" max="521" width="9" style="86" customWidth="1"/>
    <col min="522" max="768" width="9" style="86"/>
    <col min="769" max="769" width="7.58203125" style="86" customWidth="1"/>
    <col min="770" max="770" width="45.58203125" style="86" customWidth="1"/>
    <col min="771" max="776" width="16.58203125" style="86" customWidth="1"/>
    <col min="777" max="777" width="9" style="86" customWidth="1"/>
    <col min="778" max="1024" width="9" style="86"/>
    <col min="1025" max="1025" width="7.58203125" style="86" customWidth="1"/>
    <col min="1026" max="1026" width="45.58203125" style="86" customWidth="1"/>
    <col min="1027" max="1032" width="16.58203125" style="86" customWidth="1"/>
    <col min="1033" max="1033" width="9" style="86" customWidth="1"/>
    <col min="1034" max="1280" width="9" style="86"/>
    <col min="1281" max="1281" width="7.58203125" style="86" customWidth="1"/>
    <col min="1282" max="1282" width="45.58203125" style="86" customWidth="1"/>
    <col min="1283" max="1288" width="16.58203125" style="86" customWidth="1"/>
    <col min="1289" max="1289" width="9" style="86" customWidth="1"/>
    <col min="1290" max="1536" width="9" style="86"/>
    <col min="1537" max="1537" width="7.58203125" style="86" customWidth="1"/>
    <col min="1538" max="1538" width="45.58203125" style="86" customWidth="1"/>
    <col min="1539" max="1544" width="16.58203125" style="86" customWidth="1"/>
    <col min="1545" max="1545" width="9" style="86" customWidth="1"/>
    <col min="1546" max="1792" width="9" style="86"/>
    <col min="1793" max="1793" width="7.58203125" style="86" customWidth="1"/>
    <col min="1794" max="1794" width="45.58203125" style="86" customWidth="1"/>
    <col min="1795" max="1800" width="16.58203125" style="86" customWidth="1"/>
    <col min="1801" max="1801" width="9" style="86" customWidth="1"/>
    <col min="1802" max="2048" width="9" style="86"/>
    <col min="2049" max="2049" width="7.58203125" style="86" customWidth="1"/>
    <col min="2050" max="2050" width="45.58203125" style="86" customWidth="1"/>
    <col min="2051" max="2056" width="16.58203125" style="86" customWidth="1"/>
    <col min="2057" max="2057" width="9" style="86" customWidth="1"/>
    <col min="2058" max="2304" width="9" style="86"/>
    <col min="2305" max="2305" width="7.58203125" style="86" customWidth="1"/>
    <col min="2306" max="2306" width="45.58203125" style="86" customWidth="1"/>
    <col min="2307" max="2312" width="16.58203125" style="86" customWidth="1"/>
    <col min="2313" max="2313" width="9" style="86" customWidth="1"/>
    <col min="2314" max="2560" width="9" style="86"/>
    <col min="2561" max="2561" width="7.58203125" style="86" customWidth="1"/>
    <col min="2562" max="2562" width="45.58203125" style="86" customWidth="1"/>
    <col min="2563" max="2568" width="16.58203125" style="86" customWidth="1"/>
    <col min="2569" max="2569" width="9" style="86" customWidth="1"/>
    <col min="2570" max="2816" width="9" style="86"/>
    <col min="2817" max="2817" width="7.58203125" style="86" customWidth="1"/>
    <col min="2818" max="2818" width="45.58203125" style="86" customWidth="1"/>
    <col min="2819" max="2824" width="16.58203125" style="86" customWidth="1"/>
    <col min="2825" max="2825" width="9" style="86" customWidth="1"/>
    <col min="2826" max="3072" width="9" style="86"/>
    <col min="3073" max="3073" width="7.58203125" style="86" customWidth="1"/>
    <col min="3074" max="3074" width="45.58203125" style="86" customWidth="1"/>
    <col min="3075" max="3080" width="16.58203125" style="86" customWidth="1"/>
    <col min="3081" max="3081" width="9" style="86" customWidth="1"/>
    <col min="3082" max="3328" width="9" style="86"/>
    <col min="3329" max="3329" width="7.58203125" style="86" customWidth="1"/>
    <col min="3330" max="3330" width="45.58203125" style="86" customWidth="1"/>
    <col min="3331" max="3336" width="16.58203125" style="86" customWidth="1"/>
    <col min="3337" max="3337" width="9" style="86" customWidth="1"/>
    <col min="3338" max="3584" width="9" style="86"/>
    <col min="3585" max="3585" width="7.58203125" style="86" customWidth="1"/>
    <col min="3586" max="3586" width="45.58203125" style="86" customWidth="1"/>
    <col min="3587" max="3592" width="16.58203125" style="86" customWidth="1"/>
    <col min="3593" max="3593" width="9" style="86" customWidth="1"/>
    <col min="3594" max="3840" width="9" style="86"/>
    <col min="3841" max="3841" width="7.58203125" style="86" customWidth="1"/>
    <col min="3842" max="3842" width="45.58203125" style="86" customWidth="1"/>
    <col min="3843" max="3848" width="16.58203125" style="86" customWidth="1"/>
    <col min="3849" max="3849" width="9" style="86" customWidth="1"/>
    <col min="3850" max="4096" width="9" style="86"/>
    <col min="4097" max="4097" width="7.58203125" style="86" customWidth="1"/>
    <col min="4098" max="4098" width="45.58203125" style="86" customWidth="1"/>
    <col min="4099" max="4104" width="16.58203125" style="86" customWidth="1"/>
    <col min="4105" max="4105" width="9" style="86" customWidth="1"/>
    <col min="4106" max="4352" width="9" style="86"/>
    <col min="4353" max="4353" width="7.58203125" style="86" customWidth="1"/>
    <col min="4354" max="4354" width="45.58203125" style="86" customWidth="1"/>
    <col min="4355" max="4360" width="16.58203125" style="86" customWidth="1"/>
    <col min="4361" max="4361" width="9" style="86" customWidth="1"/>
    <col min="4362" max="4608" width="9" style="86"/>
    <col min="4609" max="4609" width="7.58203125" style="86" customWidth="1"/>
    <col min="4610" max="4610" width="45.58203125" style="86" customWidth="1"/>
    <col min="4611" max="4616" width="16.58203125" style="86" customWidth="1"/>
    <col min="4617" max="4617" width="9" style="86" customWidth="1"/>
    <col min="4618" max="4864" width="9" style="86"/>
    <col min="4865" max="4865" width="7.58203125" style="86" customWidth="1"/>
    <col min="4866" max="4866" width="45.58203125" style="86" customWidth="1"/>
    <col min="4867" max="4872" width="16.58203125" style="86" customWidth="1"/>
    <col min="4873" max="4873" width="9" style="86" customWidth="1"/>
    <col min="4874" max="5120" width="9" style="86"/>
    <col min="5121" max="5121" width="7.58203125" style="86" customWidth="1"/>
    <col min="5122" max="5122" width="45.58203125" style="86" customWidth="1"/>
    <col min="5123" max="5128" width="16.58203125" style="86" customWidth="1"/>
    <col min="5129" max="5129" width="9" style="86" customWidth="1"/>
    <col min="5130" max="5376" width="9" style="86"/>
    <col min="5377" max="5377" width="7.58203125" style="86" customWidth="1"/>
    <col min="5378" max="5378" width="45.58203125" style="86" customWidth="1"/>
    <col min="5379" max="5384" width="16.58203125" style="86" customWidth="1"/>
    <col min="5385" max="5385" width="9" style="86" customWidth="1"/>
    <col min="5386" max="5632" width="9" style="86"/>
    <col min="5633" max="5633" width="7.58203125" style="86" customWidth="1"/>
    <col min="5634" max="5634" width="45.58203125" style="86" customWidth="1"/>
    <col min="5635" max="5640" width="16.58203125" style="86" customWidth="1"/>
    <col min="5641" max="5641" width="9" style="86" customWidth="1"/>
    <col min="5642" max="5888" width="9" style="86"/>
    <col min="5889" max="5889" width="7.58203125" style="86" customWidth="1"/>
    <col min="5890" max="5890" width="45.58203125" style="86" customWidth="1"/>
    <col min="5891" max="5896" width="16.58203125" style="86" customWidth="1"/>
    <col min="5897" max="5897" width="9" style="86" customWidth="1"/>
    <col min="5898" max="6144" width="9" style="86"/>
    <col min="6145" max="6145" width="7.58203125" style="86" customWidth="1"/>
    <col min="6146" max="6146" width="45.58203125" style="86" customWidth="1"/>
    <col min="6147" max="6152" width="16.58203125" style="86" customWidth="1"/>
    <col min="6153" max="6153" width="9" style="86" customWidth="1"/>
    <col min="6154" max="6400" width="9" style="86"/>
    <col min="6401" max="6401" width="7.58203125" style="86" customWidth="1"/>
    <col min="6402" max="6402" width="45.58203125" style="86" customWidth="1"/>
    <col min="6403" max="6408" width="16.58203125" style="86" customWidth="1"/>
    <col min="6409" max="6409" width="9" style="86" customWidth="1"/>
    <col min="6410" max="6656" width="9" style="86"/>
    <col min="6657" max="6657" width="7.58203125" style="86" customWidth="1"/>
    <col min="6658" max="6658" width="45.58203125" style="86" customWidth="1"/>
    <col min="6659" max="6664" width="16.58203125" style="86" customWidth="1"/>
    <col min="6665" max="6665" width="9" style="86" customWidth="1"/>
    <col min="6666" max="6912" width="9" style="86"/>
    <col min="6913" max="6913" width="7.58203125" style="86" customWidth="1"/>
    <col min="6914" max="6914" width="45.58203125" style="86" customWidth="1"/>
    <col min="6915" max="6920" width="16.58203125" style="86" customWidth="1"/>
    <col min="6921" max="6921" width="9" style="86" customWidth="1"/>
    <col min="6922" max="7168" width="9" style="86"/>
    <col min="7169" max="7169" width="7.58203125" style="86" customWidth="1"/>
    <col min="7170" max="7170" width="45.58203125" style="86" customWidth="1"/>
    <col min="7171" max="7176" width="16.58203125" style="86" customWidth="1"/>
    <col min="7177" max="7177" width="9" style="86" customWidth="1"/>
    <col min="7178" max="7424" width="9" style="86"/>
    <col min="7425" max="7425" width="7.58203125" style="86" customWidth="1"/>
    <col min="7426" max="7426" width="45.58203125" style="86" customWidth="1"/>
    <col min="7427" max="7432" width="16.58203125" style="86" customWidth="1"/>
    <col min="7433" max="7433" width="9" style="86" customWidth="1"/>
    <col min="7434" max="7680" width="9" style="86"/>
    <col min="7681" max="7681" width="7.58203125" style="86" customWidth="1"/>
    <col min="7682" max="7682" width="45.58203125" style="86" customWidth="1"/>
    <col min="7683" max="7688" width="16.58203125" style="86" customWidth="1"/>
    <col min="7689" max="7689" width="9" style="86" customWidth="1"/>
    <col min="7690" max="7936" width="9" style="86"/>
    <col min="7937" max="7937" width="7.58203125" style="86" customWidth="1"/>
    <col min="7938" max="7938" width="45.58203125" style="86" customWidth="1"/>
    <col min="7939" max="7944" width="16.58203125" style="86" customWidth="1"/>
    <col min="7945" max="7945" width="9" style="86" customWidth="1"/>
    <col min="7946" max="8192" width="9" style="86"/>
    <col min="8193" max="8193" width="7.58203125" style="86" customWidth="1"/>
    <col min="8194" max="8194" width="45.58203125" style="86" customWidth="1"/>
    <col min="8195" max="8200" width="16.58203125" style="86" customWidth="1"/>
    <col min="8201" max="8201" width="9" style="86" customWidth="1"/>
    <col min="8202" max="8448" width="9" style="86"/>
    <col min="8449" max="8449" width="7.58203125" style="86" customWidth="1"/>
    <col min="8450" max="8450" width="45.58203125" style="86" customWidth="1"/>
    <col min="8451" max="8456" width="16.58203125" style="86" customWidth="1"/>
    <col min="8457" max="8457" width="9" style="86" customWidth="1"/>
    <col min="8458" max="8704" width="9" style="86"/>
    <col min="8705" max="8705" width="7.58203125" style="86" customWidth="1"/>
    <col min="8706" max="8706" width="45.58203125" style="86" customWidth="1"/>
    <col min="8707" max="8712" width="16.58203125" style="86" customWidth="1"/>
    <col min="8713" max="8713" width="9" style="86" customWidth="1"/>
    <col min="8714" max="8960" width="9" style="86"/>
    <col min="8961" max="8961" width="7.58203125" style="86" customWidth="1"/>
    <col min="8962" max="8962" width="45.58203125" style="86" customWidth="1"/>
    <col min="8963" max="8968" width="16.58203125" style="86" customWidth="1"/>
    <col min="8969" max="8969" width="9" style="86" customWidth="1"/>
    <col min="8970" max="9216" width="9" style="86"/>
    <col min="9217" max="9217" width="7.58203125" style="86" customWidth="1"/>
    <col min="9218" max="9218" width="45.58203125" style="86" customWidth="1"/>
    <col min="9219" max="9224" width="16.58203125" style="86" customWidth="1"/>
    <col min="9225" max="9225" width="9" style="86" customWidth="1"/>
    <col min="9226" max="9472" width="9" style="86"/>
    <col min="9473" max="9473" width="7.58203125" style="86" customWidth="1"/>
    <col min="9474" max="9474" width="45.58203125" style="86" customWidth="1"/>
    <col min="9475" max="9480" width="16.58203125" style="86" customWidth="1"/>
    <col min="9481" max="9481" width="9" style="86" customWidth="1"/>
    <col min="9482" max="9728" width="9" style="86"/>
    <col min="9729" max="9729" width="7.58203125" style="86" customWidth="1"/>
    <col min="9730" max="9730" width="45.58203125" style="86" customWidth="1"/>
    <col min="9731" max="9736" width="16.58203125" style="86" customWidth="1"/>
    <col min="9737" max="9737" width="9" style="86" customWidth="1"/>
    <col min="9738" max="9984" width="9" style="86"/>
    <col min="9985" max="9985" width="7.58203125" style="86" customWidth="1"/>
    <col min="9986" max="9986" width="45.58203125" style="86" customWidth="1"/>
    <col min="9987" max="9992" width="16.58203125" style="86" customWidth="1"/>
    <col min="9993" max="9993" width="9" style="86" customWidth="1"/>
    <col min="9994" max="10240" width="9" style="86"/>
    <col min="10241" max="10241" width="7.58203125" style="86" customWidth="1"/>
    <col min="10242" max="10242" width="45.58203125" style="86" customWidth="1"/>
    <col min="10243" max="10248" width="16.58203125" style="86" customWidth="1"/>
    <col min="10249" max="10249" width="9" style="86" customWidth="1"/>
    <col min="10250" max="10496" width="9" style="86"/>
    <col min="10497" max="10497" width="7.58203125" style="86" customWidth="1"/>
    <col min="10498" max="10498" width="45.58203125" style="86" customWidth="1"/>
    <col min="10499" max="10504" width="16.58203125" style="86" customWidth="1"/>
    <col min="10505" max="10505" width="9" style="86" customWidth="1"/>
    <col min="10506" max="10752" width="9" style="86"/>
    <col min="10753" max="10753" width="7.58203125" style="86" customWidth="1"/>
    <col min="10754" max="10754" width="45.58203125" style="86" customWidth="1"/>
    <col min="10755" max="10760" width="16.58203125" style="86" customWidth="1"/>
    <col min="10761" max="10761" width="9" style="86" customWidth="1"/>
    <col min="10762" max="11008" width="9" style="86"/>
    <col min="11009" max="11009" width="7.58203125" style="86" customWidth="1"/>
    <col min="11010" max="11010" width="45.58203125" style="86" customWidth="1"/>
    <col min="11011" max="11016" width="16.58203125" style="86" customWidth="1"/>
    <col min="11017" max="11017" width="9" style="86" customWidth="1"/>
    <col min="11018" max="11264" width="9" style="86"/>
    <col min="11265" max="11265" width="7.58203125" style="86" customWidth="1"/>
    <col min="11266" max="11266" width="45.58203125" style="86" customWidth="1"/>
    <col min="11267" max="11272" width="16.58203125" style="86" customWidth="1"/>
    <col min="11273" max="11273" width="9" style="86" customWidth="1"/>
    <col min="11274" max="11520" width="9" style="86"/>
    <col min="11521" max="11521" width="7.58203125" style="86" customWidth="1"/>
    <col min="11522" max="11522" width="45.58203125" style="86" customWidth="1"/>
    <col min="11523" max="11528" width="16.58203125" style="86" customWidth="1"/>
    <col min="11529" max="11529" width="9" style="86" customWidth="1"/>
    <col min="11530" max="11776" width="9" style="86"/>
    <col min="11777" max="11777" width="7.58203125" style="86" customWidth="1"/>
    <col min="11778" max="11778" width="45.58203125" style="86" customWidth="1"/>
    <col min="11779" max="11784" width="16.58203125" style="86" customWidth="1"/>
    <col min="11785" max="11785" width="9" style="86" customWidth="1"/>
    <col min="11786" max="12032" width="9" style="86"/>
    <col min="12033" max="12033" width="7.58203125" style="86" customWidth="1"/>
    <col min="12034" max="12034" width="45.58203125" style="86" customWidth="1"/>
    <col min="12035" max="12040" width="16.58203125" style="86" customWidth="1"/>
    <col min="12041" max="12041" width="9" style="86" customWidth="1"/>
    <col min="12042" max="12288" width="9" style="86"/>
    <col min="12289" max="12289" width="7.58203125" style="86" customWidth="1"/>
    <col min="12290" max="12290" width="45.58203125" style="86" customWidth="1"/>
    <col min="12291" max="12296" width="16.58203125" style="86" customWidth="1"/>
    <col min="12297" max="12297" width="9" style="86" customWidth="1"/>
    <col min="12298" max="12544" width="9" style="86"/>
    <col min="12545" max="12545" width="7.58203125" style="86" customWidth="1"/>
    <col min="12546" max="12546" width="45.58203125" style="86" customWidth="1"/>
    <col min="12547" max="12552" width="16.58203125" style="86" customWidth="1"/>
    <col min="12553" max="12553" width="9" style="86" customWidth="1"/>
    <col min="12554" max="12800" width="9" style="86"/>
    <col min="12801" max="12801" width="7.58203125" style="86" customWidth="1"/>
    <col min="12802" max="12802" width="45.58203125" style="86" customWidth="1"/>
    <col min="12803" max="12808" width="16.58203125" style="86" customWidth="1"/>
    <col min="12809" max="12809" width="9" style="86" customWidth="1"/>
    <col min="12810" max="13056" width="9" style="86"/>
    <col min="13057" max="13057" width="7.58203125" style="86" customWidth="1"/>
    <col min="13058" max="13058" width="45.58203125" style="86" customWidth="1"/>
    <col min="13059" max="13064" width="16.58203125" style="86" customWidth="1"/>
    <col min="13065" max="13065" width="9" style="86" customWidth="1"/>
    <col min="13066" max="13312" width="9" style="86"/>
    <col min="13313" max="13313" width="7.58203125" style="86" customWidth="1"/>
    <col min="13314" max="13314" width="45.58203125" style="86" customWidth="1"/>
    <col min="13315" max="13320" width="16.58203125" style="86" customWidth="1"/>
    <col min="13321" max="13321" width="9" style="86" customWidth="1"/>
    <col min="13322" max="13568" width="9" style="86"/>
    <col min="13569" max="13569" width="7.58203125" style="86" customWidth="1"/>
    <col min="13570" max="13570" width="45.58203125" style="86" customWidth="1"/>
    <col min="13571" max="13576" width="16.58203125" style="86" customWidth="1"/>
    <col min="13577" max="13577" width="9" style="86" customWidth="1"/>
    <col min="13578" max="13824" width="9" style="86"/>
    <col min="13825" max="13825" width="7.58203125" style="86" customWidth="1"/>
    <col min="13826" max="13826" width="45.58203125" style="86" customWidth="1"/>
    <col min="13827" max="13832" width="16.58203125" style="86" customWidth="1"/>
    <col min="13833" max="13833" width="9" style="86" customWidth="1"/>
    <col min="13834" max="14080" width="9" style="86"/>
    <col min="14081" max="14081" width="7.58203125" style="86" customWidth="1"/>
    <col min="14082" max="14082" width="45.58203125" style="86" customWidth="1"/>
    <col min="14083" max="14088" width="16.58203125" style="86" customWidth="1"/>
    <col min="14089" max="14089" width="9" style="86" customWidth="1"/>
    <col min="14090" max="14336" width="9" style="86"/>
    <col min="14337" max="14337" width="7.58203125" style="86" customWidth="1"/>
    <col min="14338" max="14338" width="45.58203125" style="86" customWidth="1"/>
    <col min="14339" max="14344" width="16.58203125" style="86" customWidth="1"/>
    <col min="14345" max="14345" width="9" style="86" customWidth="1"/>
    <col min="14346" max="14592" width="9" style="86"/>
    <col min="14593" max="14593" width="7.58203125" style="86" customWidth="1"/>
    <col min="14594" max="14594" width="45.58203125" style="86" customWidth="1"/>
    <col min="14595" max="14600" width="16.58203125" style="86" customWidth="1"/>
    <col min="14601" max="14601" width="9" style="86" customWidth="1"/>
    <col min="14602" max="14848" width="9" style="86"/>
    <col min="14849" max="14849" width="7.58203125" style="86" customWidth="1"/>
    <col min="14850" max="14850" width="45.58203125" style="86" customWidth="1"/>
    <col min="14851" max="14856" width="16.58203125" style="86" customWidth="1"/>
    <col min="14857" max="14857" width="9" style="86" customWidth="1"/>
    <col min="14858" max="15104" width="9" style="86"/>
    <col min="15105" max="15105" width="7.58203125" style="86" customWidth="1"/>
    <col min="15106" max="15106" width="45.58203125" style="86" customWidth="1"/>
    <col min="15107" max="15112" width="16.58203125" style="86" customWidth="1"/>
    <col min="15113" max="15113" width="9" style="86" customWidth="1"/>
    <col min="15114" max="15360" width="9" style="86"/>
    <col min="15361" max="15361" width="7.58203125" style="86" customWidth="1"/>
    <col min="15362" max="15362" width="45.58203125" style="86" customWidth="1"/>
    <col min="15363" max="15368" width="16.58203125" style="86" customWidth="1"/>
    <col min="15369" max="15369" width="9" style="86" customWidth="1"/>
    <col min="15370" max="15616" width="9" style="86"/>
    <col min="15617" max="15617" width="7.58203125" style="86" customWidth="1"/>
    <col min="15618" max="15618" width="45.58203125" style="86" customWidth="1"/>
    <col min="15619" max="15624" width="16.58203125" style="86" customWidth="1"/>
    <col min="15625" max="15625" width="9" style="86" customWidth="1"/>
    <col min="15626" max="15872" width="9" style="86"/>
    <col min="15873" max="15873" width="7.58203125" style="86" customWidth="1"/>
    <col min="15874" max="15874" width="45.58203125" style="86" customWidth="1"/>
    <col min="15875" max="15880" width="16.58203125" style="86" customWidth="1"/>
    <col min="15881" max="15881" width="9" style="86" customWidth="1"/>
    <col min="15882" max="16128" width="9" style="86"/>
    <col min="16129" max="16129" width="7.58203125" style="86" customWidth="1"/>
    <col min="16130" max="16130" width="45.58203125" style="86" customWidth="1"/>
    <col min="16131" max="16136" width="16.58203125" style="86" customWidth="1"/>
    <col min="16137" max="16137" width="9" style="86" customWidth="1"/>
    <col min="16138" max="16384" width="9" style="86"/>
  </cols>
  <sheetData>
    <row r="1" spans="1:14" s="87" customFormat="1">
      <c r="A1" s="652" t="s">
        <v>737</v>
      </c>
      <c r="B1" s="652"/>
      <c r="C1" s="6"/>
      <c r="E1" s="98"/>
    </row>
    <row r="2" spans="1:14" s="87" customFormat="1">
      <c r="E2" s="98"/>
      <c r="H2" s="269"/>
    </row>
    <row r="3" spans="1:14" s="87" customFormat="1">
      <c r="A3" s="229"/>
      <c r="B3" s="277" t="s">
        <v>166</v>
      </c>
      <c r="G3" s="101"/>
    </row>
    <row r="4" spans="1:14" s="89" customFormat="1">
      <c r="A4" s="162"/>
      <c r="B4" s="100"/>
      <c r="C4" s="120"/>
      <c r="D4" s="120"/>
      <c r="E4" s="120"/>
      <c r="F4" s="120"/>
      <c r="G4" s="120"/>
      <c r="H4" s="101"/>
      <c r="J4" s="118"/>
      <c r="K4" s="98"/>
      <c r="L4" s="98"/>
      <c r="M4" s="98"/>
      <c r="N4" s="87"/>
    </row>
    <row r="5" spans="1:14" s="87" customFormat="1">
      <c r="B5" s="156"/>
      <c r="C5" s="156" t="s">
        <v>1</v>
      </c>
      <c r="D5" s="156" t="s">
        <v>2</v>
      </c>
      <c r="E5" s="156" t="s">
        <v>3</v>
      </c>
      <c r="F5" s="156" t="s">
        <v>9</v>
      </c>
      <c r="G5" s="156" t="s">
        <v>10</v>
      </c>
      <c r="H5" s="156" t="s">
        <v>11</v>
      </c>
    </row>
    <row r="6" spans="1:14" ht="18.75" customHeight="1">
      <c r="B6" s="915" t="s">
        <v>693</v>
      </c>
      <c r="C6" s="917" t="s">
        <v>18</v>
      </c>
      <c r="D6" s="917"/>
      <c r="E6" s="918" t="s">
        <v>455</v>
      </c>
      <c r="F6" s="917"/>
      <c r="G6" s="919" t="s">
        <v>445</v>
      </c>
      <c r="H6" s="921" t="s">
        <v>164</v>
      </c>
    </row>
    <row r="7" spans="1:14" ht="30" customHeight="1">
      <c r="B7" s="916"/>
      <c r="C7" s="112" t="s">
        <v>19</v>
      </c>
      <c r="D7" s="112" t="s">
        <v>20</v>
      </c>
      <c r="E7" s="112" t="s">
        <v>19</v>
      </c>
      <c r="F7" s="112" t="s">
        <v>20</v>
      </c>
      <c r="G7" s="920"/>
      <c r="H7" s="922"/>
    </row>
    <row r="8" spans="1:14" s="87" customFormat="1">
      <c r="A8" s="156">
        <v>1</v>
      </c>
      <c r="B8" s="97" t="s">
        <v>74</v>
      </c>
      <c r="C8" s="117">
        <v>4309.1502620000001</v>
      </c>
      <c r="D8" s="21"/>
      <c r="E8" s="117">
        <v>4309.1502620000001</v>
      </c>
      <c r="F8" s="21"/>
      <c r="G8" s="22">
        <v>965.86671799999999</v>
      </c>
      <c r="H8" s="23">
        <v>22.4</v>
      </c>
      <c r="I8" s="86"/>
      <c r="J8" s="86"/>
      <c r="K8" s="86"/>
      <c r="L8" s="333"/>
      <c r="M8" s="98"/>
    </row>
    <row r="9" spans="1:14" s="87" customFormat="1">
      <c r="A9" s="156">
        <v>6</v>
      </c>
      <c r="B9" s="97" t="s">
        <v>64</v>
      </c>
      <c r="C9" s="117">
        <v>3757.2233980000001</v>
      </c>
      <c r="D9" s="21">
        <v>0.13440099999999999</v>
      </c>
      <c r="E9" s="117">
        <v>3909.5647859999999</v>
      </c>
      <c r="F9" s="21">
        <v>235.93474000000001</v>
      </c>
      <c r="G9" s="21">
        <v>662.405396</v>
      </c>
      <c r="H9" s="23">
        <v>16</v>
      </c>
      <c r="I9" s="86"/>
      <c r="J9" s="86"/>
      <c r="K9" s="86"/>
      <c r="L9" s="333"/>
      <c r="M9" s="98"/>
    </row>
    <row r="10" spans="1:14" s="87" customFormat="1">
      <c r="A10" s="156">
        <v>7</v>
      </c>
      <c r="B10" s="97" t="s">
        <v>21</v>
      </c>
      <c r="C10" s="117">
        <v>5360.7631359999996</v>
      </c>
      <c r="D10" s="21">
        <v>2987.2236680000001</v>
      </c>
      <c r="E10" s="117">
        <v>4127.014185</v>
      </c>
      <c r="F10" s="21">
        <v>906.57133199999998</v>
      </c>
      <c r="G10" s="21">
        <v>4692.9438849999997</v>
      </c>
      <c r="H10" s="23">
        <v>93.2</v>
      </c>
      <c r="I10" s="86"/>
      <c r="J10" s="86"/>
      <c r="K10" s="86"/>
      <c r="L10" s="333"/>
      <c r="M10" s="98"/>
    </row>
    <row r="11" spans="1:14" s="87" customFormat="1">
      <c r="A11" s="156">
        <v>8</v>
      </c>
      <c r="B11" s="97" t="s">
        <v>65</v>
      </c>
      <c r="C11" s="117">
        <v>22492.669317</v>
      </c>
      <c r="D11" s="21">
        <v>2400.7530320000001</v>
      </c>
      <c r="E11" s="117">
        <v>18135.780999999999</v>
      </c>
      <c r="F11" s="21">
        <v>802.959383</v>
      </c>
      <c r="G11" s="21">
        <v>13526.927823</v>
      </c>
      <c r="H11" s="23">
        <v>71.400000000000006</v>
      </c>
      <c r="I11" s="86"/>
      <c r="J11" s="86"/>
      <c r="K11" s="86"/>
      <c r="L11" s="333"/>
      <c r="M11" s="98"/>
    </row>
    <row r="12" spans="1:14" s="87" customFormat="1">
      <c r="A12" s="156">
        <v>9</v>
      </c>
      <c r="B12" s="97" t="s">
        <v>66</v>
      </c>
      <c r="C12" s="117">
        <v>5834.9064239999998</v>
      </c>
      <c r="D12" s="21">
        <v>106.84132</v>
      </c>
      <c r="E12" s="117">
        <v>5834.9064239999998</v>
      </c>
      <c r="F12" s="21">
        <v>53.420659999999998</v>
      </c>
      <c r="G12" s="21">
        <v>1935.2609580000001</v>
      </c>
      <c r="H12" s="23">
        <v>32.9</v>
      </c>
      <c r="I12" s="86"/>
      <c r="J12" s="86"/>
      <c r="K12" s="86"/>
      <c r="L12" s="333"/>
      <c r="M12" s="98"/>
    </row>
    <row r="13" spans="1:14" s="87" customFormat="1">
      <c r="A13" s="156">
        <v>10</v>
      </c>
      <c r="B13" s="97" t="s">
        <v>67</v>
      </c>
      <c r="C13" s="117">
        <v>44.488916000000003</v>
      </c>
      <c r="D13" s="21">
        <v>2.1589710000000002</v>
      </c>
      <c r="E13" s="117">
        <v>42.192953000000003</v>
      </c>
      <c r="F13" s="21">
        <v>0.99470899999999995</v>
      </c>
      <c r="G13" s="21">
        <v>52.189042000000001</v>
      </c>
      <c r="H13" s="23">
        <v>120.8</v>
      </c>
      <c r="I13" s="86"/>
      <c r="J13" s="86"/>
      <c r="K13" s="86"/>
      <c r="L13" s="333"/>
      <c r="M13" s="98"/>
    </row>
    <row r="14" spans="1:14" s="87" customFormat="1">
      <c r="A14" s="156">
        <v>11</v>
      </c>
      <c r="B14" s="97" t="s">
        <v>78</v>
      </c>
      <c r="C14" s="117">
        <v>695.19629299999997</v>
      </c>
      <c r="D14" s="21"/>
      <c r="E14" s="117">
        <v>695.19629299999997</v>
      </c>
      <c r="F14" s="21"/>
      <c r="G14" s="21">
        <v>1042.7944399999999</v>
      </c>
      <c r="H14" s="23">
        <v>150</v>
      </c>
      <c r="I14" s="86"/>
      <c r="J14" s="86"/>
      <c r="K14" s="86"/>
      <c r="L14" s="333"/>
      <c r="M14" s="98"/>
    </row>
    <row r="15" spans="1:14" s="87" customFormat="1">
      <c r="A15" s="156">
        <v>14</v>
      </c>
      <c r="B15" s="97" t="s">
        <v>165</v>
      </c>
      <c r="C15" s="117">
        <v>57.029107000000003</v>
      </c>
      <c r="D15" s="21"/>
      <c r="E15" s="117">
        <v>57.029107000000003</v>
      </c>
      <c r="F15" s="21"/>
      <c r="G15" s="21">
        <v>57.029107000000003</v>
      </c>
      <c r="H15" s="23">
        <v>100</v>
      </c>
      <c r="I15" s="86"/>
      <c r="J15" s="86"/>
      <c r="K15" s="86"/>
      <c r="L15" s="333"/>
      <c r="M15" s="98"/>
    </row>
    <row r="16" spans="1:14" s="87" customFormat="1">
      <c r="A16" s="156">
        <v>15</v>
      </c>
      <c r="B16" s="97" t="s">
        <v>68</v>
      </c>
      <c r="C16" s="117">
        <v>1040.80422</v>
      </c>
      <c r="D16" s="21"/>
      <c r="E16" s="117">
        <v>4138.7436750000006</v>
      </c>
      <c r="F16" s="21"/>
      <c r="G16" s="21">
        <v>4138.7436749999979</v>
      </c>
      <c r="H16" s="23">
        <v>100</v>
      </c>
      <c r="I16" s="86"/>
      <c r="J16" s="86"/>
      <c r="K16" s="86"/>
      <c r="L16" s="333"/>
      <c r="M16" s="98"/>
    </row>
    <row r="17" spans="1:14" s="87" customFormat="1">
      <c r="A17" s="156">
        <v>16</v>
      </c>
      <c r="B17" s="99" t="s">
        <v>69</v>
      </c>
      <c r="C17" s="119">
        <v>14171.095180308324</v>
      </c>
      <c r="D17" s="24"/>
      <c r="E17" s="119">
        <v>12831.319291932321</v>
      </c>
      <c r="F17" s="24"/>
      <c r="G17" s="24">
        <v>10326.882876676671</v>
      </c>
      <c r="H17" s="25">
        <v>80.5</v>
      </c>
      <c r="I17" s="86"/>
      <c r="J17" s="86"/>
      <c r="K17" s="86"/>
      <c r="L17" s="333"/>
      <c r="M17" s="98"/>
    </row>
    <row r="18" spans="1:14" s="89" customFormat="1">
      <c r="A18" s="162">
        <v>17</v>
      </c>
      <c r="B18" s="100" t="s">
        <v>13</v>
      </c>
      <c r="C18" s="120">
        <v>57763.326253308325</v>
      </c>
      <c r="D18" s="120">
        <v>5497.1113919999998</v>
      </c>
      <c r="E18" s="120">
        <v>54080.89797693232</v>
      </c>
      <c r="F18" s="120">
        <v>1999.8808240000001</v>
      </c>
      <c r="G18" s="120">
        <v>37401.043920676668</v>
      </c>
      <c r="H18" s="121">
        <v>66.7</v>
      </c>
      <c r="I18" s="86"/>
      <c r="J18" s="86"/>
      <c r="K18" s="86"/>
      <c r="L18" s="333"/>
      <c r="M18" s="98"/>
      <c r="N18" s="87"/>
    </row>
    <row r="19" spans="1:14" s="89" customFormat="1">
      <c r="A19" s="162"/>
      <c r="B19" s="100"/>
      <c r="C19" s="120"/>
      <c r="D19" s="120"/>
      <c r="E19" s="120"/>
      <c r="F19" s="120"/>
      <c r="G19" s="120"/>
      <c r="H19" s="121"/>
      <c r="I19" s="86"/>
      <c r="J19" s="118"/>
      <c r="K19" s="86"/>
      <c r="L19" s="98"/>
      <c r="M19" s="98"/>
      <c r="N19" s="87"/>
    </row>
    <row r="20" spans="1:14" s="89" customFormat="1">
      <c r="A20" s="162"/>
      <c r="B20" s="100"/>
      <c r="C20" s="156" t="s">
        <v>1</v>
      </c>
      <c r="D20" s="156" t="s">
        <v>2</v>
      </c>
      <c r="E20" s="156" t="s">
        <v>3</v>
      </c>
      <c r="F20" s="156" t="s">
        <v>9</v>
      </c>
      <c r="G20" s="156" t="s">
        <v>10</v>
      </c>
      <c r="H20" s="156" t="s">
        <v>11</v>
      </c>
      <c r="J20" s="118"/>
      <c r="K20" s="86"/>
      <c r="L20" s="98"/>
      <c r="M20" s="98"/>
      <c r="N20" s="87"/>
    </row>
    <row r="21" spans="1:14" ht="18.75" customHeight="1">
      <c r="B21" s="915" t="s">
        <v>694</v>
      </c>
      <c r="C21" s="917" t="s">
        <v>18</v>
      </c>
      <c r="D21" s="917"/>
      <c r="E21" s="918" t="s">
        <v>455</v>
      </c>
      <c r="F21" s="917"/>
      <c r="G21" s="919" t="s">
        <v>445</v>
      </c>
      <c r="H21" s="921" t="s">
        <v>164</v>
      </c>
    </row>
    <row r="22" spans="1:14" ht="30" customHeight="1">
      <c r="B22" s="916"/>
      <c r="C22" s="112" t="s">
        <v>19</v>
      </c>
      <c r="D22" s="112" t="s">
        <v>20</v>
      </c>
      <c r="E22" s="112" t="s">
        <v>19</v>
      </c>
      <c r="F22" s="112" t="s">
        <v>20</v>
      </c>
      <c r="G22" s="920"/>
      <c r="H22" s="922"/>
      <c r="I22" s="307"/>
    </row>
    <row r="23" spans="1:14" s="87" customFormat="1">
      <c r="A23" s="156">
        <v>1</v>
      </c>
      <c r="B23" s="97" t="s">
        <v>74</v>
      </c>
      <c r="C23" s="481">
        <v>3558.9908869999999</v>
      </c>
      <c r="D23" s="444"/>
      <c r="E23" s="481">
        <v>3558.9908869999999</v>
      </c>
      <c r="F23" s="444"/>
      <c r="G23" s="482">
        <v>344.05824000000001</v>
      </c>
      <c r="H23" s="483">
        <v>9.6672975830522265</v>
      </c>
      <c r="I23" s="86"/>
      <c r="J23" s="98"/>
      <c r="K23" s="86"/>
      <c r="L23" s="98"/>
      <c r="M23" s="98"/>
    </row>
    <row r="24" spans="1:14" s="87" customFormat="1">
      <c r="A24" s="156">
        <v>6</v>
      </c>
      <c r="B24" s="97" t="s">
        <v>64</v>
      </c>
      <c r="C24" s="481">
        <v>2859.9078939999999</v>
      </c>
      <c r="D24" s="444">
        <v>0.14137</v>
      </c>
      <c r="E24" s="481">
        <v>3420.978263</v>
      </c>
      <c r="F24" s="444">
        <v>212.77902700000001</v>
      </c>
      <c r="G24" s="444">
        <v>530.72442899999999</v>
      </c>
      <c r="H24" s="483">
        <v>14.605390141508323</v>
      </c>
      <c r="I24" s="86"/>
      <c r="J24" s="98"/>
      <c r="K24" s="86"/>
      <c r="L24" s="98"/>
      <c r="M24" s="98"/>
    </row>
    <row r="25" spans="1:14" s="87" customFormat="1">
      <c r="A25" s="156">
        <v>7</v>
      </c>
      <c r="B25" s="97" t="s">
        <v>21</v>
      </c>
      <c r="C25" s="481">
        <v>6486.3655349999999</v>
      </c>
      <c r="D25" s="444">
        <v>2053.1031109999999</v>
      </c>
      <c r="E25" s="481">
        <v>5025.2627700000003</v>
      </c>
      <c r="F25" s="444">
        <v>644.18723699999998</v>
      </c>
      <c r="G25" s="444">
        <v>5134.2875640000002</v>
      </c>
      <c r="H25" s="483">
        <v>90.560593314356041</v>
      </c>
      <c r="I25" s="86"/>
      <c r="J25" s="98"/>
      <c r="K25" s="86"/>
      <c r="L25" s="98"/>
      <c r="M25" s="98"/>
    </row>
    <row r="26" spans="1:14" s="87" customFormat="1">
      <c r="A26" s="156">
        <v>8</v>
      </c>
      <c r="B26" s="97" t="s">
        <v>65</v>
      </c>
      <c r="C26" s="481">
        <v>22251.204903999998</v>
      </c>
      <c r="D26" s="444">
        <v>2302.042105</v>
      </c>
      <c r="E26" s="481">
        <v>17752.777711999999</v>
      </c>
      <c r="F26" s="444">
        <v>804.33050900000001</v>
      </c>
      <c r="G26" s="444">
        <v>13241.252332</v>
      </c>
      <c r="H26" s="483">
        <v>71.354071843023718</v>
      </c>
      <c r="I26" s="86"/>
      <c r="J26" s="98"/>
      <c r="K26" s="86"/>
      <c r="L26" s="98"/>
      <c r="M26" s="98"/>
    </row>
    <row r="27" spans="1:14" s="87" customFormat="1">
      <c r="A27" s="156">
        <v>9</v>
      </c>
      <c r="B27" s="97" t="s">
        <v>66</v>
      </c>
      <c r="C27" s="481">
        <v>5728.4695929999998</v>
      </c>
      <c r="D27" s="444">
        <v>196.752466</v>
      </c>
      <c r="E27" s="481">
        <v>5728.4695929999998</v>
      </c>
      <c r="F27" s="444">
        <v>98.376232999999999</v>
      </c>
      <c r="G27" s="444">
        <v>1917.4766090000001</v>
      </c>
      <c r="H27" s="483">
        <v>32.907625604988851</v>
      </c>
      <c r="I27" s="86"/>
      <c r="J27" s="98"/>
      <c r="K27" s="86"/>
      <c r="L27" s="98"/>
      <c r="M27" s="98"/>
    </row>
    <row r="28" spans="1:14" s="87" customFormat="1">
      <c r="A28" s="156">
        <v>10</v>
      </c>
      <c r="B28" s="97" t="s">
        <v>67</v>
      </c>
      <c r="C28" s="481">
        <v>69.172492000000005</v>
      </c>
      <c r="D28" s="444">
        <v>2.613991</v>
      </c>
      <c r="E28" s="481">
        <v>65.464326999999997</v>
      </c>
      <c r="F28" s="444">
        <v>1.000489</v>
      </c>
      <c r="G28" s="444">
        <v>78.748553000000001</v>
      </c>
      <c r="H28" s="483">
        <v>118.48156323790921</v>
      </c>
      <c r="I28" s="86"/>
      <c r="J28" s="98"/>
      <c r="K28" s="86"/>
      <c r="L28" s="98"/>
      <c r="M28" s="98"/>
    </row>
    <row r="29" spans="1:14" s="87" customFormat="1">
      <c r="A29" s="156">
        <v>11</v>
      </c>
      <c r="B29" s="97" t="s">
        <v>78</v>
      </c>
      <c r="C29" s="481">
        <v>665.14476400000001</v>
      </c>
      <c r="D29" s="444"/>
      <c r="E29" s="481">
        <v>665.14476400000001</v>
      </c>
      <c r="F29" s="444"/>
      <c r="G29" s="444">
        <v>997.71714699999995</v>
      </c>
      <c r="H29" s="483">
        <v>150.0000001503432</v>
      </c>
      <c r="I29" s="86"/>
      <c r="J29" s="98"/>
      <c r="K29" s="86"/>
      <c r="L29" s="98"/>
      <c r="M29" s="98"/>
    </row>
    <row r="30" spans="1:14" s="87" customFormat="1">
      <c r="A30" s="156">
        <v>14</v>
      </c>
      <c r="B30" s="97" t="s">
        <v>165</v>
      </c>
      <c r="C30" s="481">
        <v>55.459955999999998</v>
      </c>
      <c r="D30" s="444"/>
      <c r="E30" s="481">
        <v>55.459955999999998</v>
      </c>
      <c r="F30" s="444"/>
      <c r="G30" s="444">
        <v>55.459955999999998</v>
      </c>
      <c r="H30" s="483">
        <v>100</v>
      </c>
      <c r="I30" s="86"/>
      <c r="J30" s="98"/>
      <c r="K30" s="86"/>
      <c r="L30" s="98"/>
      <c r="M30" s="98"/>
    </row>
    <row r="31" spans="1:14" s="87" customFormat="1">
      <c r="A31" s="156">
        <v>15</v>
      </c>
      <c r="B31" s="97" t="s">
        <v>68</v>
      </c>
      <c r="C31" s="481">
        <v>540.15780200000154</v>
      </c>
      <c r="D31" s="444"/>
      <c r="E31" s="481">
        <v>3638.0968020000009</v>
      </c>
      <c r="F31" s="444"/>
      <c r="G31" s="444">
        <v>3638.096802</v>
      </c>
      <c r="H31" s="483">
        <v>100</v>
      </c>
      <c r="I31" s="86"/>
      <c r="J31" s="98"/>
      <c r="K31" s="86"/>
      <c r="L31" s="98"/>
      <c r="M31" s="98"/>
    </row>
    <row r="32" spans="1:14" s="87" customFormat="1">
      <c r="A32" s="156">
        <v>16</v>
      </c>
      <c r="B32" s="99" t="s">
        <v>69</v>
      </c>
      <c r="C32" s="484">
        <v>13434.249771322251</v>
      </c>
      <c r="D32" s="446"/>
      <c r="E32" s="484">
        <v>12649.472555177392</v>
      </c>
      <c r="F32" s="446"/>
      <c r="G32" s="446">
        <v>10311.077475092061</v>
      </c>
      <c r="H32" s="485">
        <v>81.5</v>
      </c>
      <c r="I32" s="86"/>
      <c r="J32" s="98"/>
      <c r="K32" s="86"/>
      <c r="L32" s="98"/>
      <c r="M32" s="98"/>
    </row>
    <row r="33" spans="1:14" s="89" customFormat="1">
      <c r="A33" s="162">
        <v>17</v>
      </c>
      <c r="B33" s="100" t="s">
        <v>13</v>
      </c>
      <c r="C33" s="486">
        <v>55649.123598322243</v>
      </c>
      <c r="D33" s="486">
        <v>4554.6530430000003</v>
      </c>
      <c r="E33" s="486">
        <v>52560.117629177388</v>
      </c>
      <c r="F33" s="486">
        <v>1760.673495</v>
      </c>
      <c r="G33" s="486">
        <v>36248.89910709206</v>
      </c>
      <c r="H33" s="487">
        <v>66.7</v>
      </c>
      <c r="I33" s="86"/>
      <c r="J33" s="98"/>
      <c r="K33" s="86"/>
      <c r="L33" s="98"/>
      <c r="M33" s="98"/>
      <c r="N33" s="87"/>
    </row>
  </sheetData>
  <mergeCells count="10">
    <mergeCell ref="B21:B22"/>
    <mergeCell ref="C21:D21"/>
    <mergeCell ref="E21:F21"/>
    <mergeCell ref="G21:G22"/>
    <mergeCell ref="H21:H22"/>
    <mergeCell ref="B6:B7"/>
    <mergeCell ref="C6:D6"/>
    <mergeCell ref="E6:F6"/>
    <mergeCell ref="G6:G7"/>
    <mergeCell ref="H6:H7"/>
  </mergeCells>
  <pageMargins left="0.70866141732283472" right="0.70866141732283472" top="0.74803149606299213" bottom="0.74803149606299213" header="0.31496062992125984" footer="0.31496062992125984"/>
  <pageSetup paperSize="9" scale="81" orientation="landscape"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39">
    <pageSetUpPr fitToPage="1"/>
  </sheetPr>
  <dimension ref="A1:AD34"/>
  <sheetViews>
    <sheetView zoomScaleNormal="100" workbookViewId="0">
      <selection activeCell="B3" sqref="B3"/>
    </sheetView>
  </sheetViews>
  <sheetFormatPr defaultColWidth="9" defaultRowHeight="13"/>
  <cols>
    <col min="1" max="1" width="6.83203125" style="87" customWidth="1"/>
    <col min="2" max="2" width="45.58203125" style="102" customWidth="1"/>
    <col min="3" max="13" width="11.83203125" style="86" customWidth="1"/>
    <col min="14" max="14" width="15.75" style="86" customWidth="1"/>
    <col min="15" max="15" width="14.5" style="86" customWidth="1"/>
    <col min="16" max="18" width="9" style="86"/>
    <col min="19" max="19" width="11.83203125" style="86" customWidth="1"/>
    <col min="20" max="257" width="9" style="86"/>
    <col min="258" max="258" width="7.58203125" style="86" customWidth="1"/>
    <col min="259" max="259" width="45.58203125" style="86" customWidth="1"/>
    <col min="260" max="269" width="11.83203125" style="86" customWidth="1"/>
    <col min="270" max="270" width="15.75" style="86" customWidth="1"/>
    <col min="271" max="271" width="14.5" style="86" customWidth="1"/>
    <col min="272" max="274" width="9" style="86"/>
    <col min="275" max="275" width="11.83203125" style="86" customWidth="1"/>
    <col min="276" max="513" width="9" style="86"/>
    <col min="514" max="514" width="7.58203125" style="86" customWidth="1"/>
    <col min="515" max="515" width="45.58203125" style="86" customWidth="1"/>
    <col min="516" max="525" width="11.83203125" style="86" customWidth="1"/>
    <col min="526" max="526" width="15.75" style="86" customWidth="1"/>
    <col min="527" max="527" width="14.5" style="86" customWidth="1"/>
    <col min="528" max="530" width="9" style="86"/>
    <col min="531" max="531" width="11.83203125" style="86" customWidth="1"/>
    <col min="532" max="769" width="9" style="86"/>
    <col min="770" max="770" width="7.58203125" style="86" customWidth="1"/>
    <col min="771" max="771" width="45.58203125" style="86" customWidth="1"/>
    <col min="772" max="781" width="11.83203125" style="86" customWidth="1"/>
    <col min="782" max="782" width="15.75" style="86" customWidth="1"/>
    <col min="783" max="783" width="14.5" style="86" customWidth="1"/>
    <col min="784" max="786" width="9" style="86"/>
    <col min="787" max="787" width="11.83203125" style="86" customWidth="1"/>
    <col min="788" max="1025" width="9" style="86"/>
    <col min="1026" max="1026" width="7.58203125" style="86" customWidth="1"/>
    <col min="1027" max="1027" width="45.58203125" style="86" customWidth="1"/>
    <col min="1028" max="1037" width="11.83203125" style="86" customWidth="1"/>
    <col min="1038" max="1038" width="15.75" style="86" customWidth="1"/>
    <col min="1039" max="1039" width="14.5" style="86" customWidth="1"/>
    <col min="1040" max="1042" width="9" style="86"/>
    <col min="1043" max="1043" width="11.83203125" style="86" customWidth="1"/>
    <col min="1044" max="1281" width="9" style="86"/>
    <col min="1282" max="1282" width="7.58203125" style="86" customWidth="1"/>
    <col min="1283" max="1283" width="45.58203125" style="86" customWidth="1"/>
    <col min="1284" max="1293" width="11.83203125" style="86" customWidth="1"/>
    <col min="1294" max="1294" width="15.75" style="86" customWidth="1"/>
    <col min="1295" max="1295" width="14.5" style="86" customWidth="1"/>
    <col min="1296" max="1298" width="9" style="86"/>
    <col min="1299" max="1299" width="11.83203125" style="86" customWidth="1"/>
    <col min="1300" max="1537" width="9" style="86"/>
    <col min="1538" max="1538" width="7.58203125" style="86" customWidth="1"/>
    <col min="1539" max="1539" width="45.58203125" style="86" customWidth="1"/>
    <col min="1540" max="1549" width="11.83203125" style="86" customWidth="1"/>
    <col min="1550" max="1550" width="15.75" style="86" customWidth="1"/>
    <col min="1551" max="1551" width="14.5" style="86" customWidth="1"/>
    <col min="1552" max="1554" width="9" style="86"/>
    <col min="1555" max="1555" width="11.83203125" style="86" customWidth="1"/>
    <col min="1556" max="1793" width="9" style="86"/>
    <col min="1794" max="1794" width="7.58203125" style="86" customWidth="1"/>
    <col min="1795" max="1795" width="45.58203125" style="86" customWidth="1"/>
    <col min="1796" max="1805" width="11.83203125" style="86" customWidth="1"/>
    <col min="1806" max="1806" width="15.75" style="86" customWidth="1"/>
    <col min="1807" max="1807" width="14.5" style="86" customWidth="1"/>
    <col min="1808" max="1810" width="9" style="86"/>
    <col min="1811" max="1811" width="11.83203125" style="86" customWidth="1"/>
    <col min="1812" max="2049" width="9" style="86"/>
    <col min="2050" max="2050" width="7.58203125" style="86" customWidth="1"/>
    <col min="2051" max="2051" width="45.58203125" style="86" customWidth="1"/>
    <col min="2052" max="2061" width="11.83203125" style="86" customWidth="1"/>
    <col min="2062" max="2062" width="15.75" style="86" customWidth="1"/>
    <col min="2063" max="2063" width="14.5" style="86" customWidth="1"/>
    <col min="2064" max="2066" width="9" style="86"/>
    <col min="2067" max="2067" width="11.83203125" style="86" customWidth="1"/>
    <col min="2068" max="2305" width="9" style="86"/>
    <col min="2306" max="2306" width="7.58203125" style="86" customWidth="1"/>
    <col min="2307" max="2307" width="45.58203125" style="86" customWidth="1"/>
    <col min="2308" max="2317" width="11.83203125" style="86" customWidth="1"/>
    <col min="2318" max="2318" width="15.75" style="86" customWidth="1"/>
    <col min="2319" max="2319" width="14.5" style="86" customWidth="1"/>
    <col min="2320" max="2322" width="9" style="86"/>
    <col min="2323" max="2323" width="11.83203125" style="86" customWidth="1"/>
    <col min="2324" max="2561" width="9" style="86"/>
    <col min="2562" max="2562" width="7.58203125" style="86" customWidth="1"/>
    <col min="2563" max="2563" width="45.58203125" style="86" customWidth="1"/>
    <col min="2564" max="2573" width="11.83203125" style="86" customWidth="1"/>
    <col min="2574" max="2574" width="15.75" style="86" customWidth="1"/>
    <col min="2575" max="2575" width="14.5" style="86" customWidth="1"/>
    <col min="2576" max="2578" width="9" style="86"/>
    <col min="2579" max="2579" width="11.83203125" style="86" customWidth="1"/>
    <col min="2580" max="2817" width="9" style="86"/>
    <col min="2818" max="2818" width="7.58203125" style="86" customWidth="1"/>
    <col min="2819" max="2819" width="45.58203125" style="86" customWidth="1"/>
    <col min="2820" max="2829" width="11.83203125" style="86" customWidth="1"/>
    <col min="2830" max="2830" width="15.75" style="86" customWidth="1"/>
    <col min="2831" max="2831" width="14.5" style="86" customWidth="1"/>
    <col min="2832" max="2834" width="9" style="86"/>
    <col min="2835" max="2835" width="11.83203125" style="86" customWidth="1"/>
    <col min="2836" max="3073" width="9" style="86"/>
    <col min="3074" max="3074" width="7.58203125" style="86" customWidth="1"/>
    <col min="3075" max="3075" width="45.58203125" style="86" customWidth="1"/>
    <col min="3076" max="3085" width="11.83203125" style="86" customWidth="1"/>
    <col min="3086" max="3086" width="15.75" style="86" customWidth="1"/>
    <col min="3087" max="3087" width="14.5" style="86" customWidth="1"/>
    <col min="3088" max="3090" width="9" style="86"/>
    <col min="3091" max="3091" width="11.83203125" style="86" customWidth="1"/>
    <col min="3092" max="3329" width="9" style="86"/>
    <col min="3330" max="3330" width="7.58203125" style="86" customWidth="1"/>
    <col min="3331" max="3331" width="45.58203125" style="86" customWidth="1"/>
    <col min="3332" max="3341" width="11.83203125" style="86" customWidth="1"/>
    <col min="3342" max="3342" width="15.75" style="86" customWidth="1"/>
    <col min="3343" max="3343" width="14.5" style="86" customWidth="1"/>
    <col min="3344" max="3346" width="9" style="86"/>
    <col min="3347" max="3347" width="11.83203125" style="86" customWidth="1"/>
    <col min="3348" max="3585" width="9" style="86"/>
    <col min="3586" max="3586" width="7.58203125" style="86" customWidth="1"/>
    <col min="3587" max="3587" width="45.58203125" style="86" customWidth="1"/>
    <col min="3588" max="3597" width="11.83203125" style="86" customWidth="1"/>
    <col min="3598" max="3598" width="15.75" style="86" customWidth="1"/>
    <col min="3599" max="3599" width="14.5" style="86" customWidth="1"/>
    <col min="3600" max="3602" width="9" style="86"/>
    <col min="3603" max="3603" width="11.83203125" style="86" customWidth="1"/>
    <col min="3604" max="3841" width="9" style="86"/>
    <col min="3842" max="3842" width="7.58203125" style="86" customWidth="1"/>
    <col min="3843" max="3843" width="45.58203125" style="86" customWidth="1"/>
    <col min="3844" max="3853" width="11.83203125" style="86" customWidth="1"/>
    <col min="3854" max="3854" width="15.75" style="86" customWidth="1"/>
    <col min="3855" max="3855" width="14.5" style="86" customWidth="1"/>
    <col min="3856" max="3858" width="9" style="86"/>
    <col min="3859" max="3859" width="11.83203125" style="86" customWidth="1"/>
    <col min="3860" max="4097" width="9" style="86"/>
    <col min="4098" max="4098" width="7.58203125" style="86" customWidth="1"/>
    <col min="4099" max="4099" width="45.58203125" style="86" customWidth="1"/>
    <col min="4100" max="4109" width="11.83203125" style="86" customWidth="1"/>
    <col min="4110" max="4110" width="15.75" style="86" customWidth="1"/>
    <col min="4111" max="4111" width="14.5" style="86" customWidth="1"/>
    <col min="4112" max="4114" width="9" style="86"/>
    <col min="4115" max="4115" width="11.83203125" style="86" customWidth="1"/>
    <col min="4116" max="4353" width="9" style="86"/>
    <col min="4354" max="4354" width="7.58203125" style="86" customWidth="1"/>
    <col min="4355" max="4355" width="45.58203125" style="86" customWidth="1"/>
    <col min="4356" max="4365" width="11.83203125" style="86" customWidth="1"/>
    <col min="4366" max="4366" width="15.75" style="86" customWidth="1"/>
    <col min="4367" max="4367" width="14.5" style="86" customWidth="1"/>
    <col min="4368" max="4370" width="9" style="86"/>
    <col min="4371" max="4371" width="11.83203125" style="86" customWidth="1"/>
    <col min="4372" max="4609" width="9" style="86"/>
    <col min="4610" max="4610" width="7.58203125" style="86" customWidth="1"/>
    <col min="4611" max="4611" width="45.58203125" style="86" customWidth="1"/>
    <col min="4612" max="4621" width="11.83203125" style="86" customWidth="1"/>
    <col min="4622" max="4622" width="15.75" style="86" customWidth="1"/>
    <col min="4623" max="4623" width="14.5" style="86" customWidth="1"/>
    <col min="4624" max="4626" width="9" style="86"/>
    <col min="4627" max="4627" width="11.83203125" style="86" customWidth="1"/>
    <col min="4628" max="4865" width="9" style="86"/>
    <col min="4866" max="4866" width="7.58203125" style="86" customWidth="1"/>
    <col min="4867" max="4867" width="45.58203125" style="86" customWidth="1"/>
    <col min="4868" max="4877" width="11.83203125" style="86" customWidth="1"/>
    <col min="4878" max="4878" width="15.75" style="86" customWidth="1"/>
    <col min="4879" max="4879" width="14.5" style="86" customWidth="1"/>
    <col min="4880" max="4882" width="9" style="86"/>
    <col min="4883" max="4883" width="11.83203125" style="86" customWidth="1"/>
    <col min="4884" max="5121" width="9" style="86"/>
    <col min="5122" max="5122" width="7.58203125" style="86" customWidth="1"/>
    <col min="5123" max="5123" width="45.58203125" style="86" customWidth="1"/>
    <col min="5124" max="5133" width="11.83203125" style="86" customWidth="1"/>
    <col min="5134" max="5134" width="15.75" style="86" customWidth="1"/>
    <col min="5135" max="5135" width="14.5" style="86" customWidth="1"/>
    <col min="5136" max="5138" width="9" style="86"/>
    <col min="5139" max="5139" width="11.83203125" style="86" customWidth="1"/>
    <col min="5140" max="5377" width="9" style="86"/>
    <col min="5378" max="5378" width="7.58203125" style="86" customWidth="1"/>
    <col min="5379" max="5379" width="45.58203125" style="86" customWidth="1"/>
    <col min="5380" max="5389" width="11.83203125" style="86" customWidth="1"/>
    <col min="5390" max="5390" width="15.75" style="86" customWidth="1"/>
    <col min="5391" max="5391" width="14.5" style="86" customWidth="1"/>
    <col min="5392" max="5394" width="9" style="86"/>
    <col min="5395" max="5395" width="11.83203125" style="86" customWidth="1"/>
    <col min="5396" max="5633" width="9" style="86"/>
    <col min="5634" max="5634" width="7.58203125" style="86" customWidth="1"/>
    <col min="5635" max="5635" width="45.58203125" style="86" customWidth="1"/>
    <col min="5636" max="5645" width="11.83203125" style="86" customWidth="1"/>
    <col min="5646" max="5646" width="15.75" style="86" customWidth="1"/>
    <col min="5647" max="5647" width="14.5" style="86" customWidth="1"/>
    <col min="5648" max="5650" width="9" style="86"/>
    <col min="5651" max="5651" width="11.83203125" style="86" customWidth="1"/>
    <col min="5652" max="5889" width="9" style="86"/>
    <col min="5890" max="5890" width="7.58203125" style="86" customWidth="1"/>
    <col min="5891" max="5891" width="45.58203125" style="86" customWidth="1"/>
    <col min="5892" max="5901" width="11.83203125" style="86" customWidth="1"/>
    <col min="5902" max="5902" width="15.75" style="86" customWidth="1"/>
    <col min="5903" max="5903" width="14.5" style="86" customWidth="1"/>
    <col min="5904" max="5906" width="9" style="86"/>
    <col min="5907" max="5907" width="11.83203125" style="86" customWidth="1"/>
    <col min="5908" max="6145" width="9" style="86"/>
    <col min="6146" max="6146" width="7.58203125" style="86" customWidth="1"/>
    <col min="6147" max="6147" width="45.58203125" style="86" customWidth="1"/>
    <col min="6148" max="6157" width="11.83203125" style="86" customWidth="1"/>
    <col min="6158" max="6158" width="15.75" style="86" customWidth="1"/>
    <col min="6159" max="6159" width="14.5" style="86" customWidth="1"/>
    <col min="6160" max="6162" width="9" style="86"/>
    <col min="6163" max="6163" width="11.83203125" style="86" customWidth="1"/>
    <col min="6164" max="6401" width="9" style="86"/>
    <col min="6402" max="6402" width="7.58203125" style="86" customWidth="1"/>
    <col min="6403" max="6403" width="45.58203125" style="86" customWidth="1"/>
    <col min="6404" max="6413" width="11.83203125" style="86" customWidth="1"/>
    <col min="6414" max="6414" width="15.75" style="86" customWidth="1"/>
    <col min="6415" max="6415" width="14.5" style="86" customWidth="1"/>
    <col min="6416" max="6418" width="9" style="86"/>
    <col min="6419" max="6419" width="11.83203125" style="86" customWidth="1"/>
    <col min="6420" max="6657" width="9" style="86"/>
    <col min="6658" max="6658" width="7.58203125" style="86" customWidth="1"/>
    <col min="6659" max="6659" width="45.58203125" style="86" customWidth="1"/>
    <col min="6660" max="6669" width="11.83203125" style="86" customWidth="1"/>
    <col min="6670" max="6670" width="15.75" style="86" customWidth="1"/>
    <col min="6671" max="6671" width="14.5" style="86" customWidth="1"/>
    <col min="6672" max="6674" width="9" style="86"/>
    <col min="6675" max="6675" width="11.83203125" style="86" customWidth="1"/>
    <col min="6676" max="6913" width="9" style="86"/>
    <col min="6914" max="6914" width="7.58203125" style="86" customWidth="1"/>
    <col min="6915" max="6915" width="45.58203125" style="86" customWidth="1"/>
    <col min="6916" max="6925" width="11.83203125" style="86" customWidth="1"/>
    <col min="6926" max="6926" width="15.75" style="86" customWidth="1"/>
    <col min="6927" max="6927" width="14.5" style="86" customWidth="1"/>
    <col min="6928" max="6930" width="9" style="86"/>
    <col min="6931" max="6931" width="11.83203125" style="86" customWidth="1"/>
    <col min="6932" max="7169" width="9" style="86"/>
    <col min="7170" max="7170" width="7.58203125" style="86" customWidth="1"/>
    <col min="7171" max="7171" width="45.58203125" style="86" customWidth="1"/>
    <col min="7172" max="7181" width="11.83203125" style="86" customWidth="1"/>
    <col min="7182" max="7182" width="15.75" style="86" customWidth="1"/>
    <col min="7183" max="7183" width="14.5" style="86" customWidth="1"/>
    <col min="7184" max="7186" width="9" style="86"/>
    <col min="7187" max="7187" width="11.83203125" style="86" customWidth="1"/>
    <col min="7188" max="7425" width="9" style="86"/>
    <col min="7426" max="7426" width="7.58203125" style="86" customWidth="1"/>
    <col min="7427" max="7427" width="45.58203125" style="86" customWidth="1"/>
    <col min="7428" max="7437" width="11.83203125" style="86" customWidth="1"/>
    <col min="7438" max="7438" width="15.75" style="86" customWidth="1"/>
    <col min="7439" max="7439" width="14.5" style="86" customWidth="1"/>
    <col min="7440" max="7442" width="9" style="86"/>
    <col min="7443" max="7443" width="11.83203125" style="86" customWidth="1"/>
    <col min="7444" max="7681" width="9" style="86"/>
    <col min="7682" max="7682" width="7.58203125" style="86" customWidth="1"/>
    <col min="7683" max="7683" width="45.58203125" style="86" customWidth="1"/>
    <col min="7684" max="7693" width="11.83203125" style="86" customWidth="1"/>
    <col min="7694" max="7694" width="15.75" style="86" customWidth="1"/>
    <col min="7695" max="7695" width="14.5" style="86" customWidth="1"/>
    <col min="7696" max="7698" width="9" style="86"/>
    <col min="7699" max="7699" width="11.83203125" style="86" customWidth="1"/>
    <col min="7700" max="7937" width="9" style="86"/>
    <col min="7938" max="7938" width="7.58203125" style="86" customWidth="1"/>
    <col min="7939" max="7939" width="45.58203125" style="86" customWidth="1"/>
    <col min="7940" max="7949" width="11.83203125" style="86" customWidth="1"/>
    <col min="7950" max="7950" width="15.75" style="86" customWidth="1"/>
    <col min="7951" max="7951" width="14.5" style="86" customWidth="1"/>
    <col min="7952" max="7954" width="9" style="86"/>
    <col min="7955" max="7955" width="11.83203125" style="86" customWidth="1"/>
    <col min="7956" max="8193" width="9" style="86"/>
    <col min="8194" max="8194" width="7.58203125" style="86" customWidth="1"/>
    <col min="8195" max="8195" width="45.58203125" style="86" customWidth="1"/>
    <col min="8196" max="8205" width="11.83203125" style="86" customWidth="1"/>
    <col min="8206" max="8206" width="15.75" style="86" customWidth="1"/>
    <col min="8207" max="8207" width="14.5" style="86" customWidth="1"/>
    <col min="8208" max="8210" width="9" style="86"/>
    <col min="8211" max="8211" width="11.83203125" style="86" customWidth="1"/>
    <col min="8212" max="8449" width="9" style="86"/>
    <col min="8450" max="8450" width="7.58203125" style="86" customWidth="1"/>
    <col min="8451" max="8451" width="45.58203125" style="86" customWidth="1"/>
    <col min="8452" max="8461" width="11.83203125" style="86" customWidth="1"/>
    <col min="8462" max="8462" width="15.75" style="86" customWidth="1"/>
    <col min="8463" max="8463" width="14.5" style="86" customWidth="1"/>
    <col min="8464" max="8466" width="9" style="86"/>
    <col min="8467" max="8467" width="11.83203125" style="86" customWidth="1"/>
    <col min="8468" max="8705" width="9" style="86"/>
    <col min="8706" max="8706" width="7.58203125" style="86" customWidth="1"/>
    <col min="8707" max="8707" width="45.58203125" style="86" customWidth="1"/>
    <col min="8708" max="8717" width="11.83203125" style="86" customWidth="1"/>
    <col min="8718" max="8718" width="15.75" style="86" customWidth="1"/>
    <col min="8719" max="8719" width="14.5" style="86" customWidth="1"/>
    <col min="8720" max="8722" width="9" style="86"/>
    <col min="8723" max="8723" width="11.83203125" style="86" customWidth="1"/>
    <col min="8724" max="8961" width="9" style="86"/>
    <col min="8962" max="8962" width="7.58203125" style="86" customWidth="1"/>
    <col min="8963" max="8963" width="45.58203125" style="86" customWidth="1"/>
    <col min="8964" max="8973" width="11.83203125" style="86" customWidth="1"/>
    <col min="8974" max="8974" width="15.75" style="86" customWidth="1"/>
    <col min="8975" max="8975" width="14.5" style="86" customWidth="1"/>
    <col min="8976" max="8978" width="9" style="86"/>
    <col min="8979" max="8979" width="11.83203125" style="86" customWidth="1"/>
    <col min="8980" max="9217" width="9" style="86"/>
    <col min="9218" max="9218" width="7.58203125" style="86" customWidth="1"/>
    <col min="9219" max="9219" width="45.58203125" style="86" customWidth="1"/>
    <col min="9220" max="9229" width="11.83203125" style="86" customWidth="1"/>
    <col min="9230" max="9230" width="15.75" style="86" customWidth="1"/>
    <col min="9231" max="9231" width="14.5" style="86" customWidth="1"/>
    <col min="9232" max="9234" width="9" style="86"/>
    <col min="9235" max="9235" width="11.83203125" style="86" customWidth="1"/>
    <col min="9236" max="9473" width="9" style="86"/>
    <col min="9474" max="9474" width="7.58203125" style="86" customWidth="1"/>
    <col min="9475" max="9475" width="45.58203125" style="86" customWidth="1"/>
    <col min="9476" max="9485" width="11.83203125" style="86" customWidth="1"/>
    <col min="9486" max="9486" width="15.75" style="86" customWidth="1"/>
    <col min="9487" max="9487" width="14.5" style="86" customWidth="1"/>
    <col min="9488" max="9490" width="9" style="86"/>
    <col min="9491" max="9491" width="11.83203125" style="86" customWidth="1"/>
    <col min="9492" max="9729" width="9" style="86"/>
    <col min="9730" max="9730" width="7.58203125" style="86" customWidth="1"/>
    <col min="9731" max="9731" width="45.58203125" style="86" customWidth="1"/>
    <col min="9732" max="9741" width="11.83203125" style="86" customWidth="1"/>
    <col min="9742" max="9742" width="15.75" style="86" customWidth="1"/>
    <col min="9743" max="9743" width="14.5" style="86" customWidth="1"/>
    <col min="9744" max="9746" width="9" style="86"/>
    <col min="9747" max="9747" width="11.83203125" style="86" customWidth="1"/>
    <col min="9748" max="9985" width="9" style="86"/>
    <col min="9986" max="9986" width="7.58203125" style="86" customWidth="1"/>
    <col min="9987" max="9987" width="45.58203125" style="86" customWidth="1"/>
    <col min="9988" max="9997" width="11.83203125" style="86" customWidth="1"/>
    <col min="9998" max="9998" width="15.75" style="86" customWidth="1"/>
    <col min="9999" max="9999" width="14.5" style="86" customWidth="1"/>
    <col min="10000" max="10002" width="9" style="86"/>
    <col min="10003" max="10003" width="11.83203125" style="86" customWidth="1"/>
    <col min="10004" max="10241" width="9" style="86"/>
    <col min="10242" max="10242" width="7.58203125" style="86" customWidth="1"/>
    <col min="10243" max="10243" width="45.58203125" style="86" customWidth="1"/>
    <col min="10244" max="10253" width="11.83203125" style="86" customWidth="1"/>
    <col min="10254" max="10254" width="15.75" style="86" customWidth="1"/>
    <col min="10255" max="10255" width="14.5" style="86" customWidth="1"/>
    <col min="10256" max="10258" width="9" style="86"/>
    <col min="10259" max="10259" width="11.83203125" style="86" customWidth="1"/>
    <col min="10260" max="10497" width="9" style="86"/>
    <col min="10498" max="10498" width="7.58203125" style="86" customWidth="1"/>
    <col min="10499" max="10499" width="45.58203125" style="86" customWidth="1"/>
    <col min="10500" max="10509" width="11.83203125" style="86" customWidth="1"/>
    <col min="10510" max="10510" width="15.75" style="86" customWidth="1"/>
    <col min="10511" max="10511" width="14.5" style="86" customWidth="1"/>
    <col min="10512" max="10514" width="9" style="86"/>
    <col min="10515" max="10515" width="11.83203125" style="86" customWidth="1"/>
    <col min="10516" max="10753" width="9" style="86"/>
    <col min="10754" max="10754" width="7.58203125" style="86" customWidth="1"/>
    <col min="10755" max="10755" width="45.58203125" style="86" customWidth="1"/>
    <col min="10756" max="10765" width="11.83203125" style="86" customWidth="1"/>
    <col min="10766" max="10766" width="15.75" style="86" customWidth="1"/>
    <col min="10767" max="10767" width="14.5" style="86" customWidth="1"/>
    <col min="10768" max="10770" width="9" style="86"/>
    <col min="10771" max="10771" width="11.83203125" style="86" customWidth="1"/>
    <col min="10772" max="11009" width="9" style="86"/>
    <col min="11010" max="11010" width="7.58203125" style="86" customWidth="1"/>
    <col min="11011" max="11011" width="45.58203125" style="86" customWidth="1"/>
    <col min="11012" max="11021" width="11.83203125" style="86" customWidth="1"/>
    <col min="11022" max="11022" width="15.75" style="86" customWidth="1"/>
    <col min="11023" max="11023" width="14.5" style="86" customWidth="1"/>
    <col min="11024" max="11026" width="9" style="86"/>
    <col min="11027" max="11027" width="11.83203125" style="86" customWidth="1"/>
    <col min="11028" max="11265" width="9" style="86"/>
    <col min="11266" max="11266" width="7.58203125" style="86" customWidth="1"/>
    <col min="11267" max="11267" width="45.58203125" style="86" customWidth="1"/>
    <col min="11268" max="11277" width="11.83203125" style="86" customWidth="1"/>
    <col min="11278" max="11278" width="15.75" style="86" customWidth="1"/>
    <col min="11279" max="11279" width="14.5" style="86" customWidth="1"/>
    <col min="11280" max="11282" width="9" style="86"/>
    <col min="11283" max="11283" width="11.83203125" style="86" customWidth="1"/>
    <col min="11284" max="11521" width="9" style="86"/>
    <col min="11522" max="11522" width="7.58203125" style="86" customWidth="1"/>
    <col min="11523" max="11523" width="45.58203125" style="86" customWidth="1"/>
    <col min="11524" max="11533" width="11.83203125" style="86" customWidth="1"/>
    <col min="11534" max="11534" width="15.75" style="86" customWidth="1"/>
    <col min="11535" max="11535" width="14.5" style="86" customWidth="1"/>
    <col min="11536" max="11538" width="9" style="86"/>
    <col min="11539" max="11539" width="11.83203125" style="86" customWidth="1"/>
    <col min="11540" max="11777" width="9" style="86"/>
    <col min="11778" max="11778" width="7.58203125" style="86" customWidth="1"/>
    <col min="11779" max="11779" width="45.58203125" style="86" customWidth="1"/>
    <col min="11780" max="11789" width="11.83203125" style="86" customWidth="1"/>
    <col min="11790" max="11790" width="15.75" style="86" customWidth="1"/>
    <col min="11791" max="11791" width="14.5" style="86" customWidth="1"/>
    <col min="11792" max="11794" width="9" style="86"/>
    <col min="11795" max="11795" width="11.83203125" style="86" customWidth="1"/>
    <col min="11796" max="12033" width="9" style="86"/>
    <col min="12034" max="12034" width="7.58203125" style="86" customWidth="1"/>
    <col min="12035" max="12035" width="45.58203125" style="86" customWidth="1"/>
    <col min="12036" max="12045" width="11.83203125" style="86" customWidth="1"/>
    <col min="12046" max="12046" width="15.75" style="86" customWidth="1"/>
    <col min="12047" max="12047" width="14.5" style="86" customWidth="1"/>
    <col min="12048" max="12050" width="9" style="86"/>
    <col min="12051" max="12051" width="11.83203125" style="86" customWidth="1"/>
    <col min="12052" max="12289" width="9" style="86"/>
    <col min="12290" max="12290" width="7.58203125" style="86" customWidth="1"/>
    <col min="12291" max="12291" width="45.58203125" style="86" customWidth="1"/>
    <col min="12292" max="12301" width="11.83203125" style="86" customWidth="1"/>
    <col min="12302" max="12302" width="15.75" style="86" customWidth="1"/>
    <col min="12303" max="12303" width="14.5" style="86" customWidth="1"/>
    <col min="12304" max="12306" width="9" style="86"/>
    <col min="12307" max="12307" width="11.83203125" style="86" customWidth="1"/>
    <col min="12308" max="12545" width="9" style="86"/>
    <col min="12546" max="12546" width="7.58203125" style="86" customWidth="1"/>
    <col min="12547" max="12547" width="45.58203125" style="86" customWidth="1"/>
    <col min="12548" max="12557" width="11.83203125" style="86" customWidth="1"/>
    <col min="12558" max="12558" width="15.75" style="86" customWidth="1"/>
    <col min="12559" max="12559" width="14.5" style="86" customWidth="1"/>
    <col min="12560" max="12562" width="9" style="86"/>
    <col min="12563" max="12563" width="11.83203125" style="86" customWidth="1"/>
    <col min="12564" max="12801" width="9" style="86"/>
    <col min="12802" max="12802" width="7.58203125" style="86" customWidth="1"/>
    <col min="12803" max="12803" width="45.58203125" style="86" customWidth="1"/>
    <col min="12804" max="12813" width="11.83203125" style="86" customWidth="1"/>
    <col min="12814" max="12814" width="15.75" style="86" customWidth="1"/>
    <col min="12815" max="12815" width="14.5" style="86" customWidth="1"/>
    <col min="12816" max="12818" width="9" style="86"/>
    <col min="12819" max="12819" width="11.83203125" style="86" customWidth="1"/>
    <col min="12820" max="13057" width="9" style="86"/>
    <col min="13058" max="13058" width="7.58203125" style="86" customWidth="1"/>
    <col min="13059" max="13059" width="45.58203125" style="86" customWidth="1"/>
    <col min="13060" max="13069" width="11.83203125" style="86" customWidth="1"/>
    <col min="13070" max="13070" width="15.75" style="86" customWidth="1"/>
    <col min="13071" max="13071" width="14.5" style="86" customWidth="1"/>
    <col min="13072" max="13074" width="9" style="86"/>
    <col min="13075" max="13075" width="11.83203125" style="86" customWidth="1"/>
    <col min="13076" max="13313" width="9" style="86"/>
    <col min="13314" max="13314" width="7.58203125" style="86" customWidth="1"/>
    <col min="13315" max="13315" width="45.58203125" style="86" customWidth="1"/>
    <col min="13316" max="13325" width="11.83203125" style="86" customWidth="1"/>
    <col min="13326" max="13326" width="15.75" style="86" customWidth="1"/>
    <col min="13327" max="13327" width="14.5" style="86" customWidth="1"/>
    <col min="13328" max="13330" width="9" style="86"/>
    <col min="13331" max="13331" width="11.83203125" style="86" customWidth="1"/>
    <col min="13332" max="13569" width="9" style="86"/>
    <col min="13570" max="13570" width="7.58203125" style="86" customWidth="1"/>
    <col min="13571" max="13571" width="45.58203125" style="86" customWidth="1"/>
    <col min="13572" max="13581" width="11.83203125" style="86" customWidth="1"/>
    <col min="13582" max="13582" width="15.75" style="86" customWidth="1"/>
    <col min="13583" max="13583" width="14.5" style="86" customWidth="1"/>
    <col min="13584" max="13586" width="9" style="86"/>
    <col min="13587" max="13587" width="11.83203125" style="86" customWidth="1"/>
    <col min="13588" max="13825" width="9" style="86"/>
    <col min="13826" max="13826" width="7.58203125" style="86" customWidth="1"/>
    <col min="13827" max="13827" width="45.58203125" style="86" customWidth="1"/>
    <col min="13828" max="13837" width="11.83203125" style="86" customWidth="1"/>
    <col min="13838" max="13838" width="15.75" style="86" customWidth="1"/>
    <col min="13839" max="13839" width="14.5" style="86" customWidth="1"/>
    <col min="13840" max="13842" width="9" style="86"/>
    <col min="13843" max="13843" width="11.83203125" style="86" customWidth="1"/>
    <col min="13844" max="14081" width="9" style="86"/>
    <col min="14082" max="14082" width="7.58203125" style="86" customWidth="1"/>
    <col min="14083" max="14083" width="45.58203125" style="86" customWidth="1"/>
    <col min="14084" max="14093" width="11.83203125" style="86" customWidth="1"/>
    <col min="14094" max="14094" width="15.75" style="86" customWidth="1"/>
    <col min="14095" max="14095" width="14.5" style="86" customWidth="1"/>
    <col min="14096" max="14098" width="9" style="86"/>
    <col min="14099" max="14099" width="11.83203125" style="86" customWidth="1"/>
    <col min="14100" max="14337" width="9" style="86"/>
    <col min="14338" max="14338" width="7.58203125" style="86" customWidth="1"/>
    <col min="14339" max="14339" width="45.58203125" style="86" customWidth="1"/>
    <col min="14340" max="14349" width="11.83203125" style="86" customWidth="1"/>
    <col min="14350" max="14350" width="15.75" style="86" customWidth="1"/>
    <col min="14351" max="14351" width="14.5" style="86" customWidth="1"/>
    <col min="14352" max="14354" width="9" style="86"/>
    <col min="14355" max="14355" width="11.83203125" style="86" customWidth="1"/>
    <col min="14356" max="14593" width="9" style="86"/>
    <col min="14594" max="14594" width="7.58203125" style="86" customWidth="1"/>
    <col min="14595" max="14595" width="45.58203125" style="86" customWidth="1"/>
    <col min="14596" max="14605" width="11.83203125" style="86" customWidth="1"/>
    <col min="14606" max="14606" width="15.75" style="86" customWidth="1"/>
    <col min="14607" max="14607" width="14.5" style="86" customWidth="1"/>
    <col min="14608" max="14610" width="9" style="86"/>
    <col min="14611" max="14611" width="11.83203125" style="86" customWidth="1"/>
    <col min="14612" max="14849" width="9" style="86"/>
    <col min="14850" max="14850" width="7.58203125" style="86" customWidth="1"/>
    <col min="14851" max="14851" width="45.58203125" style="86" customWidth="1"/>
    <col min="14852" max="14861" width="11.83203125" style="86" customWidth="1"/>
    <col min="14862" max="14862" width="15.75" style="86" customWidth="1"/>
    <col min="14863" max="14863" width="14.5" style="86" customWidth="1"/>
    <col min="14864" max="14866" width="9" style="86"/>
    <col min="14867" max="14867" width="11.83203125" style="86" customWidth="1"/>
    <col min="14868" max="15105" width="9" style="86"/>
    <col min="15106" max="15106" width="7.58203125" style="86" customWidth="1"/>
    <col min="15107" max="15107" width="45.58203125" style="86" customWidth="1"/>
    <col min="15108" max="15117" width="11.83203125" style="86" customWidth="1"/>
    <col min="15118" max="15118" width="15.75" style="86" customWidth="1"/>
    <col min="15119" max="15119" width="14.5" style="86" customWidth="1"/>
    <col min="15120" max="15122" width="9" style="86"/>
    <col min="15123" max="15123" width="11.83203125" style="86" customWidth="1"/>
    <col min="15124" max="15361" width="9" style="86"/>
    <col min="15362" max="15362" width="7.58203125" style="86" customWidth="1"/>
    <col min="15363" max="15363" width="45.58203125" style="86" customWidth="1"/>
    <col min="15364" max="15373" width="11.83203125" style="86" customWidth="1"/>
    <col min="15374" max="15374" width="15.75" style="86" customWidth="1"/>
    <col min="15375" max="15375" width="14.5" style="86" customWidth="1"/>
    <col min="15376" max="15378" width="9" style="86"/>
    <col min="15379" max="15379" width="11.83203125" style="86" customWidth="1"/>
    <col min="15380" max="15617" width="9" style="86"/>
    <col min="15618" max="15618" width="7.58203125" style="86" customWidth="1"/>
    <col min="15619" max="15619" width="45.58203125" style="86" customWidth="1"/>
    <col min="15620" max="15629" width="11.83203125" style="86" customWidth="1"/>
    <col min="15630" max="15630" width="15.75" style="86" customWidth="1"/>
    <col min="15631" max="15631" width="14.5" style="86" customWidth="1"/>
    <col min="15632" max="15634" width="9" style="86"/>
    <col min="15635" max="15635" width="11.83203125" style="86" customWidth="1"/>
    <col min="15636" max="15873" width="9" style="86"/>
    <col min="15874" max="15874" width="7.58203125" style="86" customWidth="1"/>
    <col min="15875" max="15875" width="45.58203125" style="86" customWidth="1"/>
    <col min="15876" max="15885" width="11.83203125" style="86" customWidth="1"/>
    <col min="15886" max="15886" width="15.75" style="86" customWidth="1"/>
    <col min="15887" max="15887" width="14.5" style="86" customWidth="1"/>
    <col min="15888" max="15890" width="9" style="86"/>
    <col min="15891" max="15891" width="11.83203125" style="86" customWidth="1"/>
    <col min="15892" max="16129" width="9" style="86"/>
    <col min="16130" max="16130" width="7.58203125" style="86" customWidth="1"/>
    <col min="16131" max="16131" width="45.58203125" style="86" customWidth="1"/>
    <col min="16132" max="16141" width="11.83203125" style="86" customWidth="1"/>
    <col min="16142" max="16142" width="15.75" style="86" customWidth="1"/>
    <col min="16143" max="16143" width="14.5" style="86" customWidth="1"/>
    <col min="16144" max="16146" width="9" style="86"/>
    <col min="16147" max="16147" width="11.83203125" style="86" customWidth="1"/>
    <col min="16148" max="16384" width="9" style="86"/>
  </cols>
  <sheetData>
    <row r="1" spans="1:30" s="87" customFormat="1">
      <c r="A1" s="652" t="s">
        <v>685</v>
      </c>
      <c r="B1" s="652"/>
      <c r="C1" s="6"/>
    </row>
    <row r="2" spans="1:30" s="87" customFormat="1">
      <c r="O2" s="269"/>
    </row>
    <row r="3" spans="1:30" s="87" customFormat="1">
      <c r="A3" s="229"/>
      <c r="B3" s="89" t="s">
        <v>169</v>
      </c>
    </row>
    <row r="4" spans="1:30">
      <c r="B4" s="314"/>
      <c r="C4" s="312"/>
      <c r="D4" s="312"/>
      <c r="E4" s="312"/>
      <c r="F4" s="312"/>
      <c r="G4" s="312"/>
      <c r="H4" s="312"/>
      <c r="I4" s="312"/>
      <c r="J4" s="312"/>
      <c r="K4" s="312"/>
      <c r="L4" s="312"/>
      <c r="M4" s="312"/>
      <c r="N4" s="312"/>
      <c r="O4" s="312"/>
      <c r="P4" s="87"/>
    </row>
    <row r="5" spans="1:30" ht="32.25" customHeight="1">
      <c r="A5" s="88"/>
      <c r="B5" s="106" t="s">
        <v>693</v>
      </c>
      <c r="C5" s="923" t="s">
        <v>94</v>
      </c>
      <c r="D5" s="923"/>
      <c r="E5" s="924"/>
      <c r="F5" s="924"/>
      <c r="G5" s="924"/>
      <c r="H5" s="924"/>
      <c r="I5" s="924"/>
      <c r="J5" s="924"/>
      <c r="K5" s="924"/>
      <c r="L5" s="924"/>
      <c r="M5" s="107"/>
      <c r="N5" s="917" t="s">
        <v>167</v>
      </c>
      <c r="O5" s="108"/>
    </row>
    <row r="6" spans="1:30" s="105" customFormat="1" ht="29.25" customHeight="1">
      <c r="A6" s="109"/>
      <c r="B6" s="110"/>
      <c r="C6" s="111">
        <v>0</v>
      </c>
      <c r="D6" s="111">
        <v>0.02</v>
      </c>
      <c r="E6" s="111">
        <v>0.2</v>
      </c>
      <c r="F6" s="111">
        <v>0.35</v>
      </c>
      <c r="G6" s="111">
        <v>0.5</v>
      </c>
      <c r="H6" s="111">
        <v>0.75</v>
      </c>
      <c r="I6" s="111">
        <v>1</v>
      </c>
      <c r="J6" s="111">
        <v>1.5</v>
      </c>
      <c r="K6" s="111">
        <v>2.5</v>
      </c>
      <c r="L6" s="111" t="s">
        <v>22</v>
      </c>
      <c r="M6" s="680" t="s">
        <v>81</v>
      </c>
      <c r="N6" s="925"/>
      <c r="O6" s="112" t="s">
        <v>168</v>
      </c>
    </row>
    <row r="7" spans="1:30" s="87" customFormat="1">
      <c r="A7" s="163">
        <v>1</v>
      </c>
      <c r="B7" s="97" t="s">
        <v>74</v>
      </c>
      <c r="C7" s="113">
        <v>3008.1941569999999</v>
      </c>
      <c r="D7" s="113"/>
      <c r="E7" s="113"/>
      <c r="F7" s="113"/>
      <c r="G7" s="113">
        <v>670.17877199999998</v>
      </c>
      <c r="H7" s="113"/>
      <c r="I7" s="113">
        <v>630.777332</v>
      </c>
      <c r="J7" s="113"/>
      <c r="K7" s="113"/>
      <c r="L7" s="113"/>
      <c r="M7" s="113" t="s">
        <v>560</v>
      </c>
      <c r="N7" s="113">
        <v>4309.1502609999998</v>
      </c>
      <c r="O7" s="98"/>
      <c r="P7" s="89"/>
      <c r="Q7" s="105"/>
      <c r="R7" s="89"/>
      <c r="S7" s="89"/>
      <c r="T7" s="98"/>
      <c r="U7" s="98"/>
      <c r="V7" s="98"/>
      <c r="W7" s="98"/>
      <c r="X7" s="98"/>
      <c r="Y7" s="98"/>
      <c r="Z7" s="98"/>
      <c r="AA7" s="98"/>
      <c r="AB7" s="98"/>
      <c r="AC7" s="98"/>
    </row>
    <row r="8" spans="1:30" s="87" customFormat="1">
      <c r="A8" s="163">
        <v>6</v>
      </c>
      <c r="B8" s="97" t="s">
        <v>64</v>
      </c>
      <c r="C8" s="113"/>
      <c r="D8" s="113">
        <v>936.21706700000004</v>
      </c>
      <c r="E8" s="113">
        <v>3206.0605580000001</v>
      </c>
      <c r="F8" s="113"/>
      <c r="G8" s="113">
        <v>1.5059130000000001</v>
      </c>
      <c r="H8" s="113"/>
      <c r="I8" s="113">
        <v>1.715986</v>
      </c>
      <c r="J8" s="113"/>
      <c r="K8" s="113"/>
      <c r="L8" s="113"/>
      <c r="M8" s="113" t="s">
        <v>560</v>
      </c>
      <c r="N8" s="113">
        <v>4145.4995240000007</v>
      </c>
      <c r="O8" s="98">
        <v>3845.7502319999999</v>
      </c>
      <c r="P8" s="89"/>
      <c r="Q8" s="105"/>
      <c r="R8" s="89"/>
      <c r="S8" s="89"/>
      <c r="T8" s="98"/>
      <c r="U8" s="98"/>
      <c r="V8" s="98"/>
      <c r="W8" s="98"/>
      <c r="X8" s="98"/>
      <c r="Y8" s="98"/>
      <c r="Z8" s="98"/>
      <c r="AA8" s="98"/>
      <c r="AB8" s="98"/>
      <c r="AC8" s="98"/>
      <c r="AD8" s="98"/>
    </row>
    <row r="9" spans="1:30" s="87" customFormat="1">
      <c r="A9" s="163">
        <v>7</v>
      </c>
      <c r="B9" s="97" t="s">
        <v>21</v>
      </c>
      <c r="C9" s="113"/>
      <c r="D9" s="113"/>
      <c r="E9" s="113">
        <v>0.384183</v>
      </c>
      <c r="F9" s="113"/>
      <c r="G9" s="113">
        <v>320.34251599999999</v>
      </c>
      <c r="H9" s="113"/>
      <c r="I9" s="113">
        <v>4712.858005</v>
      </c>
      <c r="J9" s="113">
        <v>8.1099999999999998E-4</v>
      </c>
      <c r="K9" s="113"/>
      <c r="L9" s="113"/>
      <c r="M9" s="113" t="s">
        <v>560</v>
      </c>
      <c r="N9" s="113">
        <v>5033.5855149999998</v>
      </c>
      <c r="O9" s="98">
        <v>5026.944219</v>
      </c>
      <c r="P9" s="89"/>
      <c r="Q9" s="105"/>
      <c r="R9" s="89"/>
      <c r="S9" s="89"/>
      <c r="T9" s="98"/>
      <c r="U9" s="98"/>
      <c r="V9" s="98"/>
      <c r="W9" s="98"/>
      <c r="X9" s="98"/>
      <c r="Y9" s="98"/>
      <c r="Z9" s="98"/>
      <c r="AA9" s="98"/>
      <c r="AB9" s="98"/>
      <c r="AC9" s="98"/>
      <c r="AD9" s="98"/>
    </row>
    <row r="10" spans="1:30" s="87" customFormat="1">
      <c r="A10" s="163">
        <v>8</v>
      </c>
      <c r="B10" s="97" t="s">
        <v>65</v>
      </c>
      <c r="C10" s="113"/>
      <c r="D10" s="113"/>
      <c r="E10" s="113"/>
      <c r="F10" s="113"/>
      <c r="G10" s="113"/>
      <c r="H10" s="113">
        <v>18938.740384000001</v>
      </c>
      <c r="I10" s="113"/>
      <c r="J10" s="113"/>
      <c r="K10" s="113"/>
      <c r="L10" s="113"/>
      <c r="M10" s="113" t="s">
        <v>560</v>
      </c>
      <c r="N10" s="113">
        <v>18938.740384000001</v>
      </c>
      <c r="O10" s="98">
        <v>18938.740384000001</v>
      </c>
      <c r="P10" s="89"/>
      <c r="Q10" s="105"/>
      <c r="R10" s="89"/>
      <c r="S10" s="89"/>
      <c r="T10" s="98"/>
      <c r="U10" s="98"/>
      <c r="V10" s="98"/>
      <c r="W10" s="98"/>
      <c r="X10" s="98"/>
      <c r="Y10" s="98"/>
      <c r="Z10" s="98"/>
      <c r="AA10" s="98"/>
      <c r="AB10" s="98"/>
      <c r="AC10" s="98"/>
      <c r="AD10" s="98"/>
    </row>
    <row r="11" spans="1:30" s="87" customFormat="1">
      <c r="A11" s="163">
        <v>9</v>
      </c>
      <c r="B11" s="97" t="s">
        <v>66</v>
      </c>
      <c r="C11" s="113"/>
      <c r="D11" s="113"/>
      <c r="E11" s="113"/>
      <c r="F11" s="113">
        <v>5884.9338090000001</v>
      </c>
      <c r="G11" s="113">
        <v>3.393275</v>
      </c>
      <c r="H11" s="113"/>
      <c r="I11" s="113"/>
      <c r="J11" s="113"/>
      <c r="K11" s="113"/>
      <c r="L11" s="113"/>
      <c r="M11" s="113" t="s">
        <v>560</v>
      </c>
      <c r="N11" s="113">
        <v>5888.3270840000005</v>
      </c>
      <c r="O11" s="98">
        <v>5888.3270839999996</v>
      </c>
      <c r="P11" s="89"/>
      <c r="Q11" s="105"/>
      <c r="R11" s="89"/>
      <c r="S11" s="89"/>
      <c r="T11" s="98"/>
      <c r="U11" s="98"/>
      <c r="V11" s="98"/>
      <c r="W11" s="98"/>
      <c r="X11" s="98"/>
      <c r="Y11" s="98"/>
      <c r="Z11" s="98"/>
      <c r="AA11" s="98"/>
      <c r="AB11" s="98"/>
      <c r="AC11" s="98"/>
      <c r="AD11" s="98"/>
    </row>
    <row r="12" spans="1:30" s="87" customFormat="1">
      <c r="A12" s="163">
        <v>10</v>
      </c>
      <c r="B12" s="97" t="s">
        <v>67</v>
      </c>
      <c r="C12" s="113"/>
      <c r="D12" s="113"/>
      <c r="E12" s="113"/>
      <c r="F12" s="113"/>
      <c r="G12" s="113"/>
      <c r="H12" s="113"/>
      <c r="I12" s="113">
        <v>25.184899000000001</v>
      </c>
      <c r="J12" s="113">
        <v>18.002762000000001</v>
      </c>
      <c r="K12" s="113"/>
      <c r="L12" s="113"/>
      <c r="M12" s="113" t="s">
        <v>560</v>
      </c>
      <c r="N12" s="113">
        <v>43.187661000000006</v>
      </c>
      <c r="O12" s="98">
        <v>42.282110000000003</v>
      </c>
      <c r="P12" s="89"/>
      <c r="Q12" s="105"/>
      <c r="R12" s="89"/>
      <c r="S12" s="89"/>
      <c r="T12" s="98"/>
      <c r="U12" s="98"/>
      <c r="V12" s="98"/>
      <c r="W12" s="98"/>
      <c r="X12" s="98"/>
      <c r="Y12" s="98"/>
      <c r="Z12" s="98"/>
      <c r="AA12" s="98"/>
      <c r="AB12" s="98"/>
      <c r="AC12" s="98"/>
    </row>
    <row r="13" spans="1:30" s="87" customFormat="1">
      <c r="A13" s="163">
        <v>11</v>
      </c>
      <c r="B13" s="97" t="s">
        <v>78</v>
      </c>
      <c r="C13" s="113"/>
      <c r="D13" s="113"/>
      <c r="E13" s="113"/>
      <c r="F13" s="113"/>
      <c r="G13" s="113"/>
      <c r="H13" s="113"/>
      <c r="I13" s="113"/>
      <c r="J13" s="113">
        <v>695.19629299999997</v>
      </c>
      <c r="K13" s="113"/>
      <c r="L13" s="113"/>
      <c r="M13" s="113" t="s">
        <v>560</v>
      </c>
      <c r="N13" s="113">
        <v>695.19629299999997</v>
      </c>
      <c r="O13" s="98">
        <v>695.19629299999997</v>
      </c>
      <c r="P13" s="89"/>
      <c r="Q13" s="105"/>
      <c r="R13" s="89"/>
      <c r="S13" s="89"/>
      <c r="T13" s="98"/>
      <c r="U13" s="98"/>
      <c r="V13" s="98"/>
      <c r="W13" s="98"/>
      <c r="X13" s="98"/>
      <c r="Y13" s="98"/>
      <c r="Z13" s="98"/>
      <c r="AA13" s="98"/>
      <c r="AB13" s="98"/>
      <c r="AC13" s="98"/>
    </row>
    <row r="14" spans="1:30" s="89" customFormat="1">
      <c r="A14" s="163">
        <v>14</v>
      </c>
      <c r="B14" s="97" t="s">
        <v>165</v>
      </c>
      <c r="C14" s="113"/>
      <c r="D14" s="113"/>
      <c r="E14" s="113"/>
      <c r="F14" s="113"/>
      <c r="G14" s="113"/>
      <c r="H14" s="113"/>
      <c r="I14" s="113">
        <v>57.029107000000003</v>
      </c>
      <c r="J14" s="113"/>
      <c r="K14" s="113"/>
      <c r="L14" s="113"/>
      <c r="M14" s="113" t="s">
        <v>560</v>
      </c>
      <c r="N14" s="113">
        <v>57.029107000000003</v>
      </c>
      <c r="O14" s="98">
        <v>57.029107000000003</v>
      </c>
      <c r="Q14" s="105"/>
      <c r="T14" s="98"/>
      <c r="U14" s="98"/>
      <c r="V14" s="98"/>
      <c r="W14" s="98"/>
      <c r="X14" s="98"/>
      <c r="Y14" s="98"/>
      <c r="Z14" s="98"/>
      <c r="AA14" s="98"/>
      <c r="AB14" s="98"/>
      <c r="AC14" s="98"/>
    </row>
    <row r="15" spans="1:30" s="87" customFormat="1">
      <c r="A15" s="163">
        <v>15</v>
      </c>
      <c r="B15" s="97" t="s">
        <v>68</v>
      </c>
      <c r="C15" s="113"/>
      <c r="D15" s="113"/>
      <c r="E15" s="113"/>
      <c r="F15" s="113"/>
      <c r="G15" s="113"/>
      <c r="H15" s="113"/>
      <c r="I15" s="113">
        <v>4138.7436749999997</v>
      </c>
      <c r="J15" s="113"/>
      <c r="K15" s="113"/>
      <c r="L15" s="113"/>
      <c r="M15" s="113" t="s">
        <v>560</v>
      </c>
      <c r="N15" s="113">
        <v>4138.7436749999997</v>
      </c>
      <c r="O15" s="98">
        <v>4034.4306790000001</v>
      </c>
      <c r="P15" s="89"/>
      <c r="Q15" s="105"/>
      <c r="R15" s="89"/>
      <c r="S15" s="89"/>
      <c r="T15" s="98"/>
      <c r="U15" s="98"/>
      <c r="V15" s="98"/>
      <c r="W15" s="98"/>
      <c r="X15" s="98"/>
      <c r="Y15" s="98"/>
      <c r="Z15" s="98"/>
      <c r="AA15" s="98"/>
      <c r="AB15" s="98"/>
      <c r="AC15" s="98"/>
      <c r="AD15" s="98"/>
    </row>
    <row r="16" spans="1:30" s="87" customFormat="1">
      <c r="A16" s="163">
        <v>16</v>
      </c>
      <c r="B16" s="97" t="s">
        <v>69</v>
      </c>
      <c r="C16" s="113">
        <v>2155.2244649999998</v>
      </c>
      <c r="D16" s="113"/>
      <c r="E16" s="113">
        <v>214.96196</v>
      </c>
      <c r="F16" s="113"/>
      <c r="G16" s="113">
        <v>1.486815</v>
      </c>
      <c r="H16" s="113"/>
      <c r="I16" s="113">
        <v>9757.8535019323208</v>
      </c>
      <c r="J16" s="113"/>
      <c r="K16" s="113">
        <v>455.76285000000001</v>
      </c>
      <c r="L16" s="113">
        <v>246.029697</v>
      </c>
      <c r="M16" s="113" t="s">
        <v>560</v>
      </c>
      <c r="N16" s="113">
        <v>12831.31928893232</v>
      </c>
      <c r="O16" s="98">
        <v>12831.31928893232</v>
      </c>
      <c r="P16" s="89"/>
      <c r="Q16" s="105"/>
      <c r="R16" s="89"/>
      <c r="S16" s="89"/>
      <c r="T16" s="98"/>
      <c r="U16" s="98"/>
      <c r="V16" s="98"/>
      <c r="W16" s="98"/>
      <c r="X16" s="98"/>
      <c r="Y16" s="98"/>
      <c r="Z16" s="98"/>
      <c r="AA16" s="98"/>
      <c r="AB16" s="98"/>
      <c r="AC16" s="98"/>
      <c r="AD16" s="98"/>
    </row>
    <row r="17" spans="1:30" s="87" customFormat="1">
      <c r="A17" s="164">
        <v>17</v>
      </c>
      <c r="B17" s="114" t="s">
        <v>13</v>
      </c>
      <c r="C17" s="115">
        <v>5163.4186219999992</v>
      </c>
      <c r="D17" s="115">
        <v>936.21706700000004</v>
      </c>
      <c r="E17" s="115">
        <v>3421.4067010000003</v>
      </c>
      <c r="F17" s="115">
        <v>5884.9338090000001</v>
      </c>
      <c r="G17" s="115">
        <v>996.90729099999987</v>
      </c>
      <c r="H17" s="115">
        <v>18938.740384000001</v>
      </c>
      <c r="I17" s="115">
        <v>19324.16250593232</v>
      </c>
      <c r="J17" s="115">
        <v>713.19986599999993</v>
      </c>
      <c r="K17" s="115">
        <v>455.76285000000001</v>
      </c>
      <c r="L17" s="115">
        <v>246.029697</v>
      </c>
      <c r="M17" s="115"/>
      <c r="N17" s="115">
        <v>56080.778792932324</v>
      </c>
      <c r="O17" s="115">
        <v>51360.019396932315</v>
      </c>
      <c r="P17" s="89"/>
      <c r="Q17" s="105"/>
      <c r="R17" s="105"/>
      <c r="S17" s="89"/>
      <c r="T17" s="98"/>
      <c r="U17" s="98"/>
      <c r="W17" s="98"/>
      <c r="X17" s="98"/>
      <c r="Y17" s="98"/>
      <c r="Z17" s="98"/>
      <c r="AC17" s="98"/>
      <c r="AD17" s="98"/>
    </row>
    <row r="18" spans="1:30" s="87" customFormat="1">
      <c r="A18" s="164"/>
      <c r="B18" s="100"/>
      <c r="C18" s="739"/>
      <c r="D18" s="739"/>
      <c r="E18" s="739"/>
      <c r="F18" s="739"/>
      <c r="G18" s="739"/>
      <c r="H18" s="739"/>
      <c r="I18" s="739"/>
      <c r="J18" s="739"/>
      <c r="K18" s="739"/>
      <c r="L18" s="739"/>
      <c r="M18" s="739"/>
      <c r="N18" s="739"/>
      <c r="O18" s="739"/>
      <c r="P18" s="89"/>
      <c r="Q18" s="228"/>
      <c r="R18" s="105"/>
      <c r="S18" s="89"/>
      <c r="T18" s="98"/>
      <c r="U18" s="98"/>
      <c r="W18" s="98"/>
      <c r="X18" s="98"/>
      <c r="Y18" s="98"/>
      <c r="Z18" s="98"/>
      <c r="AC18" s="98"/>
      <c r="AD18" s="98"/>
    </row>
    <row r="19" spans="1:30" s="87" customFormat="1">
      <c r="A19" s="88"/>
      <c r="B19" s="313"/>
      <c r="C19" s="296"/>
      <c r="D19" s="296"/>
      <c r="E19" s="296"/>
      <c r="F19" s="296"/>
      <c r="G19" s="296"/>
      <c r="H19" s="296"/>
      <c r="I19" s="296"/>
      <c r="J19" s="296"/>
      <c r="K19" s="296"/>
      <c r="L19" s="296"/>
      <c r="M19" s="296"/>
      <c r="N19" s="296"/>
      <c r="O19" s="296"/>
      <c r="P19" s="227"/>
      <c r="Q19" s="227"/>
      <c r="R19" s="105"/>
      <c r="S19" s="105"/>
    </row>
    <row r="20" spans="1:30" ht="32.25" customHeight="1">
      <c r="A20" s="88"/>
      <c r="B20" s="106" t="s">
        <v>694</v>
      </c>
      <c r="C20" s="926" t="s">
        <v>94</v>
      </c>
      <c r="D20" s="926"/>
      <c r="E20" s="927"/>
      <c r="F20" s="927"/>
      <c r="G20" s="927"/>
      <c r="H20" s="927"/>
      <c r="I20" s="927"/>
      <c r="J20" s="927"/>
      <c r="K20" s="927"/>
      <c r="L20" s="927"/>
      <c r="M20" s="107"/>
      <c r="N20" s="928" t="s">
        <v>167</v>
      </c>
      <c r="O20" s="108"/>
      <c r="R20" s="105"/>
    </row>
    <row r="21" spans="1:30" s="105" customFormat="1" ht="29.25" customHeight="1">
      <c r="A21" s="109"/>
      <c r="B21" s="110"/>
      <c r="C21" s="111">
        <v>0</v>
      </c>
      <c r="D21" s="111">
        <v>0.02</v>
      </c>
      <c r="E21" s="111">
        <v>0.2</v>
      </c>
      <c r="F21" s="111">
        <v>0.35</v>
      </c>
      <c r="G21" s="111">
        <v>0.5</v>
      </c>
      <c r="H21" s="111">
        <v>0.75</v>
      </c>
      <c r="I21" s="111">
        <v>1</v>
      </c>
      <c r="J21" s="111">
        <v>1.5</v>
      </c>
      <c r="K21" s="111">
        <v>2.5</v>
      </c>
      <c r="L21" s="111" t="s">
        <v>22</v>
      </c>
      <c r="M21" s="94" t="s">
        <v>81</v>
      </c>
      <c r="N21" s="925"/>
      <c r="O21" s="112" t="s">
        <v>168</v>
      </c>
      <c r="P21" s="307"/>
    </row>
    <row r="22" spans="1:30" s="87" customFormat="1">
      <c r="A22" s="163">
        <v>1</v>
      </c>
      <c r="B22" s="97" t="s">
        <v>74</v>
      </c>
      <c r="C22" s="488">
        <v>3187.9101479999999</v>
      </c>
      <c r="D22" s="488"/>
      <c r="E22" s="488"/>
      <c r="F22" s="488"/>
      <c r="G22" s="488">
        <v>54.044995</v>
      </c>
      <c r="H22" s="488"/>
      <c r="I22" s="488">
        <v>317.03574200000003</v>
      </c>
      <c r="J22" s="488"/>
      <c r="K22" s="488"/>
      <c r="L22" s="488"/>
      <c r="M22" s="488" t="s">
        <v>560</v>
      </c>
      <c r="N22" s="488">
        <v>3558.9908850000002</v>
      </c>
      <c r="O22" s="444"/>
      <c r="P22" s="89"/>
      <c r="R22" s="105"/>
      <c r="S22" s="89"/>
      <c r="T22" s="98"/>
      <c r="U22" s="98"/>
      <c r="V22" s="98"/>
      <c r="W22" s="98"/>
      <c r="X22" s="98"/>
      <c r="Y22" s="98"/>
      <c r="Z22" s="98"/>
      <c r="AA22" s="98"/>
      <c r="AB22" s="98"/>
      <c r="AC22" s="98"/>
    </row>
    <row r="23" spans="1:30" s="87" customFormat="1">
      <c r="A23" s="163">
        <v>6</v>
      </c>
      <c r="B23" s="97" t="s">
        <v>64</v>
      </c>
      <c r="C23" s="488"/>
      <c r="D23" s="488">
        <v>1100.9873620000001</v>
      </c>
      <c r="E23" s="488">
        <v>2528.8676369999998</v>
      </c>
      <c r="F23" s="488"/>
      <c r="G23" s="488">
        <v>1.9422710000000001</v>
      </c>
      <c r="H23" s="488"/>
      <c r="I23" s="488">
        <v>1.960018</v>
      </c>
      <c r="J23" s="488"/>
      <c r="K23" s="488"/>
      <c r="L23" s="488"/>
      <c r="M23" s="488" t="s">
        <v>560</v>
      </c>
      <c r="N23" s="488">
        <v>3633.7572880000002</v>
      </c>
      <c r="O23" s="444">
        <v>3619.046668</v>
      </c>
      <c r="P23" s="89"/>
      <c r="R23" s="105"/>
      <c r="S23" s="89"/>
      <c r="T23" s="98"/>
      <c r="U23" s="98"/>
      <c r="V23" s="98"/>
      <c r="W23" s="98"/>
      <c r="X23" s="98"/>
      <c r="Y23" s="98"/>
      <c r="Z23" s="98"/>
      <c r="AA23" s="98"/>
      <c r="AB23" s="98"/>
      <c r="AC23" s="98"/>
      <c r="AD23" s="98"/>
    </row>
    <row r="24" spans="1:30" s="87" customFormat="1">
      <c r="A24" s="163">
        <v>7</v>
      </c>
      <c r="B24" s="97" t="s">
        <v>21</v>
      </c>
      <c r="C24" s="488"/>
      <c r="D24" s="488"/>
      <c r="E24" s="488">
        <v>0.31845499999999999</v>
      </c>
      <c r="F24" s="488"/>
      <c r="G24" s="488">
        <v>670.02793699999995</v>
      </c>
      <c r="H24" s="488"/>
      <c r="I24" s="488">
        <v>4998.8900659999999</v>
      </c>
      <c r="J24" s="488">
        <v>0.21354699999999999</v>
      </c>
      <c r="K24" s="488"/>
      <c r="L24" s="488"/>
      <c r="M24" s="488" t="s">
        <v>560</v>
      </c>
      <c r="N24" s="488">
        <v>5669.4500049999997</v>
      </c>
      <c r="O24" s="444">
        <v>5661.2109280000004</v>
      </c>
      <c r="P24" s="89"/>
      <c r="R24" s="105"/>
      <c r="S24" s="89"/>
      <c r="T24" s="98"/>
      <c r="U24" s="98"/>
      <c r="V24" s="98"/>
      <c r="W24" s="98"/>
      <c r="X24" s="98"/>
      <c r="Y24" s="98"/>
      <c r="Z24" s="98"/>
      <c r="AA24" s="98"/>
      <c r="AB24" s="98"/>
      <c r="AC24" s="98"/>
      <c r="AD24" s="98"/>
    </row>
    <row r="25" spans="1:30" s="87" customFormat="1">
      <c r="A25" s="163">
        <v>8</v>
      </c>
      <c r="B25" s="97" t="s">
        <v>65</v>
      </c>
      <c r="C25" s="488"/>
      <c r="D25" s="488"/>
      <c r="E25" s="488"/>
      <c r="F25" s="488"/>
      <c r="G25" s="488"/>
      <c r="H25" s="488">
        <v>18557.108221999999</v>
      </c>
      <c r="I25" s="488"/>
      <c r="J25" s="488"/>
      <c r="K25" s="488"/>
      <c r="L25" s="488"/>
      <c r="M25" s="488" t="s">
        <v>560</v>
      </c>
      <c r="N25" s="488">
        <v>18557.108221999999</v>
      </c>
      <c r="O25" s="444">
        <v>18557.108221999999</v>
      </c>
      <c r="P25" s="89"/>
      <c r="R25" s="105"/>
      <c r="S25" s="89"/>
      <c r="T25" s="98"/>
      <c r="U25" s="98"/>
      <c r="V25" s="98"/>
      <c r="W25" s="98"/>
      <c r="X25" s="98"/>
      <c r="Y25" s="98"/>
      <c r="Z25" s="98"/>
      <c r="AA25" s="98"/>
      <c r="AB25" s="98"/>
      <c r="AC25" s="98"/>
      <c r="AD25" s="98"/>
    </row>
    <row r="26" spans="1:30" s="87" customFormat="1">
      <c r="A26" s="163">
        <v>9</v>
      </c>
      <c r="B26" s="97" t="s">
        <v>66</v>
      </c>
      <c r="C26" s="488"/>
      <c r="D26" s="488"/>
      <c r="E26" s="488"/>
      <c r="F26" s="488">
        <v>5813.396538</v>
      </c>
      <c r="G26" s="488">
        <v>13.449287999999999</v>
      </c>
      <c r="H26" s="488"/>
      <c r="I26" s="488"/>
      <c r="J26" s="488"/>
      <c r="K26" s="488"/>
      <c r="L26" s="488"/>
      <c r="M26" s="488" t="s">
        <v>560</v>
      </c>
      <c r="N26" s="488">
        <v>5826.8458259999998</v>
      </c>
      <c r="O26" s="444">
        <v>5826.8458259999998</v>
      </c>
      <c r="P26" s="89"/>
      <c r="R26" s="105"/>
      <c r="S26" s="89"/>
      <c r="T26" s="98"/>
      <c r="U26" s="98"/>
      <c r="V26" s="98"/>
      <c r="W26" s="98"/>
      <c r="X26" s="98"/>
      <c r="Y26" s="98"/>
      <c r="Z26" s="98"/>
      <c r="AA26" s="98"/>
      <c r="AB26" s="98"/>
      <c r="AC26" s="98"/>
      <c r="AD26" s="98"/>
    </row>
    <row r="27" spans="1:30" s="87" customFormat="1">
      <c r="A27" s="163">
        <v>10</v>
      </c>
      <c r="B27" s="97" t="s">
        <v>67</v>
      </c>
      <c r="C27" s="488"/>
      <c r="D27" s="488"/>
      <c r="E27" s="488"/>
      <c r="F27" s="488"/>
      <c r="G27" s="488"/>
      <c r="H27" s="488"/>
      <c r="I27" s="488">
        <v>41.897350000000003</v>
      </c>
      <c r="J27" s="488">
        <v>24.567464999999999</v>
      </c>
      <c r="K27" s="488"/>
      <c r="L27" s="488"/>
      <c r="M27" s="488" t="s">
        <v>560</v>
      </c>
      <c r="N27" s="488">
        <v>66.464815000000002</v>
      </c>
      <c r="O27" s="444">
        <v>66.464815000000002</v>
      </c>
      <c r="P27" s="89"/>
      <c r="R27" s="105"/>
      <c r="S27" s="89"/>
      <c r="T27" s="98"/>
      <c r="U27" s="98"/>
      <c r="V27" s="98"/>
      <c r="W27" s="98"/>
      <c r="X27" s="98"/>
      <c r="Y27" s="98"/>
      <c r="Z27" s="98"/>
      <c r="AA27" s="98"/>
      <c r="AB27" s="98"/>
      <c r="AC27" s="98"/>
    </row>
    <row r="28" spans="1:30" s="87" customFormat="1">
      <c r="A28" s="163">
        <v>11</v>
      </c>
      <c r="B28" s="97" t="s">
        <v>78</v>
      </c>
      <c r="C28" s="488"/>
      <c r="D28" s="488"/>
      <c r="E28" s="488"/>
      <c r="F28" s="488"/>
      <c r="G28" s="488"/>
      <c r="H28" s="488"/>
      <c r="I28" s="488"/>
      <c r="J28" s="488">
        <v>665.14476400000001</v>
      </c>
      <c r="K28" s="488"/>
      <c r="L28" s="488"/>
      <c r="M28" s="488" t="s">
        <v>560</v>
      </c>
      <c r="N28" s="488">
        <v>665.14476400000001</v>
      </c>
      <c r="O28" s="444">
        <v>665.14476400000001</v>
      </c>
      <c r="P28" s="89"/>
      <c r="R28" s="105"/>
      <c r="S28" s="89"/>
      <c r="T28" s="98"/>
      <c r="U28" s="98"/>
      <c r="V28" s="98"/>
      <c r="W28" s="98"/>
      <c r="X28" s="98"/>
      <c r="Y28" s="98"/>
      <c r="Z28" s="98"/>
      <c r="AA28" s="98"/>
      <c r="AB28" s="98"/>
      <c r="AC28" s="98"/>
    </row>
    <row r="29" spans="1:30" s="89" customFormat="1">
      <c r="A29" s="163">
        <v>14</v>
      </c>
      <c r="B29" s="97" t="s">
        <v>165</v>
      </c>
      <c r="C29" s="488"/>
      <c r="D29" s="488"/>
      <c r="E29" s="488"/>
      <c r="F29" s="488"/>
      <c r="G29" s="488"/>
      <c r="H29" s="488"/>
      <c r="I29" s="488">
        <v>55.459955999999998</v>
      </c>
      <c r="J29" s="488"/>
      <c r="K29" s="488"/>
      <c r="L29" s="488"/>
      <c r="M29" s="488" t="s">
        <v>560</v>
      </c>
      <c r="N29" s="488">
        <v>55.459955999999998</v>
      </c>
      <c r="O29" s="444">
        <v>55.459955999999998</v>
      </c>
      <c r="R29" s="105"/>
      <c r="T29" s="98"/>
      <c r="U29" s="98"/>
      <c r="V29" s="98"/>
      <c r="W29" s="98"/>
      <c r="X29" s="98"/>
      <c r="Y29" s="98"/>
      <c r="Z29" s="98"/>
      <c r="AA29" s="98"/>
      <c r="AB29" s="98"/>
      <c r="AC29" s="98"/>
    </row>
    <row r="30" spans="1:30" s="87" customFormat="1">
      <c r="A30" s="163">
        <v>15</v>
      </c>
      <c r="B30" s="97" t="s">
        <v>68</v>
      </c>
      <c r="C30" s="488"/>
      <c r="D30" s="488"/>
      <c r="E30" s="488"/>
      <c r="F30" s="488"/>
      <c r="G30" s="488"/>
      <c r="H30" s="488"/>
      <c r="I30" s="488">
        <v>3638.096802</v>
      </c>
      <c r="J30" s="488"/>
      <c r="K30" s="488"/>
      <c r="L30" s="488"/>
      <c r="M30" s="488" t="s">
        <v>560</v>
      </c>
      <c r="N30" s="488">
        <v>3638.096802</v>
      </c>
      <c r="O30" s="444">
        <v>3593.6383890000006</v>
      </c>
      <c r="P30" s="89"/>
      <c r="Q30" s="89"/>
      <c r="R30" s="105"/>
      <c r="S30" s="89"/>
      <c r="T30" s="98"/>
      <c r="U30" s="98"/>
      <c r="V30" s="98"/>
      <c r="W30" s="98"/>
      <c r="X30" s="98"/>
      <c r="Y30" s="98"/>
      <c r="Z30" s="98"/>
      <c r="AA30" s="98"/>
      <c r="AB30" s="98"/>
      <c r="AC30" s="98"/>
      <c r="AD30" s="98"/>
    </row>
    <row r="31" spans="1:30" s="87" customFormat="1">
      <c r="A31" s="163">
        <v>16</v>
      </c>
      <c r="B31" s="97" t="s">
        <v>69</v>
      </c>
      <c r="C31" s="488">
        <v>2148.4074559999999</v>
      </c>
      <c r="D31" s="488"/>
      <c r="E31" s="488">
        <v>1.065358</v>
      </c>
      <c r="F31" s="488"/>
      <c r="G31" s="488"/>
      <c r="H31" s="488"/>
      <c r="I31" s="488">
        <v>9845.7163619999992</v>
      </c>
      <c r="J31" s="488"/>
      <c r="K31" s="488">
        <v>401.93872399999998</v>
      </c>
      <c r="L31" s="488">
        <v>252.34482700000001</v>
      </c>
      <c r="M31" s="488" t="s">
        <v>560</v>
      </c>
      <c r="N31" s="488">
        <v>12649.472727</v>
      </c>
      <c r="O31" s="444">
        <v>12649.472727</v>
      </c>
      <c r="P31" s="89"/>
      <c r="Q31" s="89"/>
      <c r="R31" s="105"/>
      <c r="S31" s="89"/>
      <c r="T31" s="98"/>
      <c r="U31" s="98"/>
      <c r="V31" s="98"/>
      <c r="W31" s="98"/>
      <c r="X31" s="98"/>
      <c r="Y31" s="98"/>
      <c r="Z31" s="98"/>
      <c r="AA31" s="98"/>
      <c r="AB31" s="98"/>
      <c r="AC31" s="98"/>
      <c r="AD31" s="98"/>
    </row>
    <row r="32" spans="1:30" s="87" customFormat="1">
      <c r="A32" s="164">
        <v>17</v>
      </c>
      <c r="B32" s="114" t="s">
        <v>13</v>
      </c>
      <c r="C32" s="489">
        <v>5336.3176039999998</v>
      </c>
      <c r="D32" s="489">
        <v>1100.9873620000001</v>
      </c>
      <c r="E32" s="489">
        <v>2530.2514500000002</v>
      </c>
      <c r="F32" s="489">
        <v>5813.396538</v>
      </c>
      <c r="G32" s="489">
        <v>739.46449099999995</v>
      </c>
      <c r="H32" s="489">
        <v>18557.108221999999</v>
      </c>
      <c r="I32" s="489">
        <v>18899.056295999999</v>
      </c>
      <c r="J32" s="489">
        <v>689.92577600000004</v>
      </c>
      <c r="K32" s="489">
        <v>401.93872400000055</v>
      </c>
      <c r="L32" s="489">
        <v>252.34482700000001</v>
      </c>
      <c r="M32" s="489" t="s">
        <v>560</v>
      </c>
      <c r="N32" s="489">
        <v>54320.791289999994</v>
      </c>
      <c r="O32" s="489">
        <v>50694.392294999998</v>
      </c>
      <c r="P32" s="89"/>
      <c r="Q32" s="228"/>
      <c r="R32" s="105"/>
      <c r="S32" s="89"/>
      <c r="T32" s="98"/>
      <c r="U32" s="98"/>
      <c r="W32" s="98"/>
      <c r="X32" s="98"/>
      <c r="Y32" s="98"/>
      <c r="Z32" s="98"/>
      <c r="AC32" s="98"/>
      <c r="AD32" s="98"/>
    </row>
    <row r="33" spans="1:19" s="88" customFormat="1">
      <c r="B33" s="775"/>
      <c r="C33" s="116"/>
      <c r="D33" s="116"/>
      <c r="E33" s="116"/>
      <c r="F33" s="116"/>
      <c r="G33" s="116"/>
      <c r="H33" s="116"/>
      <c r="I33" s="116"/>
      <c r="J33" s="116"/>
      <c r="K33" s="116"/>
      <c r="L33" s="116"/>
      <c r="M33" s="116"/>
      <c r="N33" s="116"/>
      <c r="O33" s="116"/>
      <c r="P33" s="213"/>
      <c r="Q33" s="213"/>
      <c r="R33" s="776"/>
      <c r="S33" s="776"/>
    </row>
    <row r="34" spans="1:19" s="778" customFormat="1">
      <c r="A34" s="88"/>
      <c r="B34" s="777"/>
    </row>
  </sheetData>
  <mergeCells count="4">
    <mergeCell ref="C5:L5"/>
    <mergeCell ref="N5:N6"/>
    <mergeCell ref="C20:L20"/>
    <mergeCell ref="N20:N21"/>
  </mergeCells>
  <pageMargins left="0.70866141732283472" right="0.70866141732283472" top="0.74803149606299213" bottom="0.74803149606299213" header="0.31496062992125984" footer="0.31496062992125984"/>
  <pageSetup paperSize="9" scale="57" orientation="landscape"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35"/>
  <dimension ref="A1:BZ152"/>
  <sheetViews>
    <sheetView zoomScaleNormal="100" workbookViewId="0">
      <selection activeCell="B3" sqref="B3"/>
    </sheetView>
  </sheetViews>
  <sheetFormatPr defaultColWidth="9" defaultRowHeight="13"/>
  <cols>
    <col min="1" max="1" width="6.83203125" style="27" customWidth="1"/>
    <col min="2" max="2" width="44" style="45" customWidth="1"/>
    <col min="3" max="3" width="19.75" style="27" customWidth="1"/>
    <col min="4" max="4" width="13.83203125" style="27" customWidth="1"/>
    <col min="5" max="7" width="14.33203125" style="27" customWidth="1"/>
    <col min="8" max="8" width="14.33203125" style="103" customWidth="1"/>
    <col min="9" max="9" width="18.75" style="27" customWidth="1"/>
    <col min="10" max="10" width="10.58203125" style="103" customWidth="1"/>
    <col min="11" max="11" width="13.33203125" style="103" customWidth="1"/>
    <col min="12" max="12" width="14.33203125" style="27" customWidth="1"/>
    <col min="13" max="13" width="10.33203125" style="104" customWidth="1"/>
    <col min="14" max="14" width="10.58203125" style="27" customWidth="1"/>
    <col min="15" max="15" width="13" style="27" customWidth="1"/>
    <col min="16" max="256" width="9" style="27"/>
    <col min="257" max="257" width="7.58203125" style="27" customWidth="1"/>
    <col min="258" max="258" width="38.83203125" style="27" customWidth="1"/>
    <col min="259" max="259" width="19.75" style="27" customWidth="1"/>
    <col min="260" max="260" width="13" style="27" customWidth="1"/>
    <col min="261" max="265" width="14.33203125" style="27" customWidth="1"/>
    <col min="266" max="266" width="10.58203125" style="27" customWidth="1"/>
    <col min="267" max="267" width="13.33203125" style="27" customWidth="1"/>
    <col min="268" max="268" width="14.33203125" style="27" customWidth="1"/>
    <col min="269" max="269" width="10.33203125" style="27" customWidth="1"/>
    <col min="270" max="270" width="10.58203125" style="27" customWidth="1"/>
    <col min="271" max="271" width="13" style="27" customWidth="1"/>
    <col min="272" max="512" width="9" style="27"/>
    <col min="513" max="513" width="7.58203125" style="27" customWidth="1"/>
    <col min="514" max="514" width="38.83203125" style="27" customWidth="1"/>
    <col min="515" max="515" width="19.75" style="27" customWidth="1"/>
    <col min="516" max="516" width="13" style="27" customWidth="1"/>
    <col min="517" max="521" width="14.33203125" style="27" customWidth="1"/>
    <col min="522" max="522" width="10.58203125" style="27" customWidth="1"/>
    <col min="523" max="523" width="13.33203125" style="27" customWidth="1"/>
    <col min="524" max="524" width="14.33203125" style="27" customWidth="1"/>
    <col min="525" max="525" width="10.33203125" style="27" customWidth="1"/>
    <col min="526" max="526" width="10.58203125" style="27" customWidth="1"/>
    <col min="527" max="527" width="13" style="27" customWidth="1"/>
    <col min="528" max="768" width="9" style="27"/>
    <col min="769" max="769" width="7.58203125" style="27" customWidth="1"/>
    <col min="770" max="770" width="38.83203125" style="27" customWidth="1"/>
    <col min="771" max="771" width="19.75" style="27" customWidth="1"/>
    <col min="772" max="772" width="13" style="27" customWidth="1"/>
    <col min="773" max="777" width="14.33203125" style="27" customWidth="1"/>
    <col min="778" max="778" width="10.58203125" style="27" customWidth="1"/>
    <col min="779" max="779" width="13.33203125" style="27" customWidth="1"/>
    <col min="780" max="780" width="14.33203125" style="27" customWidth="1"/>
    <col min="781" max="781" width="10.33203125" style="27" customWidth="1"/>
    <col min="782" max="782" width="10.58203125" style="27" customWidth="1"/>
    <col min="783" max="783" width="13" style="27" customWidth="1"/>
    <col min="784" max="1024" width="9" style="27"/>
    <col min="1025" max="1025" width="7.58203125" style="27" customWidth="1"/>
    <col min="1026" max="1026" width="38.83203125" style="27" customWidth="1"/>
    <col min="1027" max="1027" width="19.75" style="27" customWidth="1"/>
    <col min="1028" max="1028" width="13" style="27" customWidth="1"/>
    <col min="1029" max="1033" width="14.33203125" style="27" customWidth="1"/>
    <col min="1034" max="1034" width="10.58203125" style="27" customWidth="1"/>
    <col min="1035" max="1035" width="13.33203125" style="27" customWidth="1"/>
    <col min="1036" max="1036" width="14.33203125" style="27" customWidth="1"/>
    <col min="1037" max="1037" width="10.33203125" style="27" customWidth="1"/>
    <col min="1038" max="1038" width="10.58203125" style="27" customWidth="1"/>
    <col min="1039" max="1039" width="13" style="27" customWidth="1"/>
    <col min="1040" max="1280" width="9" style="27"/>
    <col min="1281" max="1281" width="7.58203125" style="27" customWidth="1"/>
    <col min="1282" max="1282" width="38.83203125" style="27" customWidth="1"/>
    <col min="1283" max="1283" width="19.75" style="27" customWidth="1"/>
    <col min="1284" max="1284" width="13" style="27" customWidth="1"/>
    <col min="1285" max="1289" width="14.33203125" style="27" customWidth="1"/>
    <col min="1290" max="1290" width="10.58203125" style="27" customWidth="1"/>
    <col min="1291" max="1291" width="13.33203125" style="27" customWidth="1"/>
    <col min="1292" max="1292" width="14.33203125" style="27" customWidth="1"/>
    <col min="1293" max="1293" width="10.33203125" style="27" customWidth="1"/>
    <col min="1294" max="1294" width="10.58203125" style="27" customWidth="1"/>
    <col min="1295" max="1295" width="13" style="27" customWidth="1"/>
    <col min="1296" max="1536" width="9" style="27"/>
    <col min="1537" max="1537" width="7.58203125" style="27" customWidth="1"/>
    <col min="1538" max="1538" width="38.83203125" style="27" customWidth="1"/>
    <col min="1539" max="1539" width="19.75" style="27" customWidth="1"/>
    <col min="1540" max="1540" width="13" style="27" customWidth="1"/>
    <col min="1541" max="1545" width="14.33203125" style="27" customWidth="1"/>
    <col min="1546" max="1546" width="10.58203125" style="27" customWidth="1"/>
    <col min="1547" max="1547" width="13.33203125" style="27" customWidth="1"/>
    <col min="1548" max="1548" width="14.33203125" style="27" customWidth="1"/>
    <col min="1549" max="1549" width="10.33203125" style="27" customWidth="1"/>
    <col min="1550" max="1550" width="10.58203125" style="27" customWidth="1"/>
    <col min="1551" max="1551" width="13" style="27" customWidth="1"/>
    <col min="1552" max="1792" width="9" style="27"/>
    <col min="1793" max="1793" width="7.58203125" style="27" customWidth="1"/>
    <col min="1794" max="1794" width="38.83203125" style="27" customWidth="1"/>
    <col min="1795" max="1795" width="19.75" style="27" customWidth="1"/>
    <col min="1796" max="1796" width="13" style="27" customWidth="1"/>
    <col min="1797" max="1801" width="14.33203125" style="27" customWidth="1"/>
    <col min="1802" max="1802" width="10.58203125" style="27" customWidth="1"/>
    <col min="1803" max="1803" width="13.33203125" style="27" customWidth="1"/>
    <col min="1804" max="1804" width="14.33203125" style="27" customWidth="1"/>
    <col min="1805" max="1805" width="10.33203125" style="27" customWidth="1"/>
    <col min="1806" max="1806" width="10.58203125" style="27" customWidth="1"/>
    <col min="1807" max="1807" width="13" style="27" customWidth="1"/>
    <col min="1808" max="2048" width="9" style="27"/>
    <col min="2049" max="2049" width="7.58203125" style="27" customWidth="1"/>
    <col min="2050" max="2050" width="38.83203125" style="27" customWidth="1"/>
    <col min="2051" max="2051" width="19.75" style="27" customWidth="1"/>
    <col min="2052" max="2052" width="13" style="27" customWidth="1"/>
    <col min="2053" max="2057" width="14.33203125" style="27" customWidth="1"/>
    <col min="2058" max="2058" width="10.58203125" style="27" customWidth="1"/>
    <col min="2059" max="2059" width="13.33203125" style="27" customWidth="1"/>
    <col min="2060" max="2060" width="14.33203125" style="27" customWidth="1"/>
    <col min="2061" max="2061" width="10.33203125" style="27" customWidth="1"/>
    <col min="2062" max="2062" width="10.58203125" style="27" customWidth="1"/>
    <col min="2063" max="2063" width="13" style="27" customWidth="1"/>
    <col min="2064" max="2304" width="9" style="27"/>
    <col min="2305" max="2305" width="7.58203125" style="27" customWidth="1"/>
    <col min="2306" max="2306" width="38.83203125" style="27" customWidth="1"/>
    <col min="2307" max="2307" width="19.75" style="27" customWidth="1"/>
    <col min="2308" max="2308" width="13" style="27" customWidth="1"/>
    <col min="2309" max="2313" width="14.33203125" style="27" customWidth="1"/>
    <col min="2314" max="2314" width="10.58203125" style="27" customWidth="1"/>
    <col min="2315" max="2315" width="13.33203125" style="27" customWidth="1"/>
    <col min="2316" max="2316" width="14.33203125" style="27" customWidth="1"/>
    <col min="2317" max="2317" width="10.33203125" style="27" customWidth="1"/>
    <col min="2318" max="2318" width="10.58203125" style="27" customWidth="1"/>
    <col min="2319" max="2319" width="13" style="27" customWidth="1"/>
    <col min="2320" max="2560" width="9" style="27"/>
    <col min="2561" max="2561" width="7.58203125" style="27" customWidth="1"/>
    <col min="2562" max="2562" width="38.83203125" style="27" customWidth="1"/>
    <col min="2563" max="2563" width="19.75" style="27" customWidth="1"/>
    <col min="2564" max="2564" width="13" style="27" customWidth="1"/>
    <col min="2565" max="2569" width="14.33203125" style="27" customWidth="1"/>
    <col min="2570" max="2570" width="10.58203125" style="27" customWidth="1"/>
    <col min="2571" max="2571" width="13.33203125" style="27" customWidth="1"/>
    <col min="2572" max="2572" width="14.33203125" style="27" customWidth="1"/>
    <col min="2573" max="2573" width="10.33203125" style="27" customWidth="1"/>
    <col min="2574" max="2574" width="10.58203125" style="27" customWidth="1"/>
    <col min="2575" max="2575" width="13" style="27" customWidth="1"/>
    <col min="2576" max="2816" width="9" style="27"/>
    <col min="2817" max="2817" width="7.58203125" style="27" customWidth="1"/>
    <col min="2818" max="2818" width="38.83203125" style="27" customWidth="1"/>
    <col min="2819" max="2819" width="19.75" style="27" customWidth="1"/>
    <col min="2820" max="2820" width="13" style="27" customWidth="1"/>
    <col min="2821" max="2825" width="14.33203125" style="27" customWidth="1"/>
    <col min="2826" max="2826" width="10.58203125" style="27" customWidth="1"/>
    <col min="2827" max="2827" width="13.33203125" style="27" customWidth="1"/>
    <col min="2828" max="2828" width="14.33203125" style="27" customWidth="1"/>
    <col min="2829" max="2829" width="10.33203125" style="27" customWidth="1"/>
    <col min="2830" max="2830" width="10.58203125" style="27" customWidth="1"/>
    <col min="2831" max="2831" width="13" style="27" customWidth="1"/>
    <col min="2832" max="3072" width="9" style="27"/>
    <col min="3073" max="3073" width="7.58203125" style="27" customWidth="1"/>
    <col min="3074" max="3074" width="38.83203125" style="27" customWidth="1"/>
    <col min="3075" max="3075" width="19.75" style="27" customWidth="1"/>
    <col min="3076" max="3076" width="13" style="27" customWidth="1"/>
    <col min="3077" max="3081" width="14.33203125" style="27" customWidth="1"/>
    <col min="3082" max="3082" width="10.58203125" style="27" customWidth="1"/>
    <col min="3083" max="3083" width="13.33203125" style="27" customWidth="1"/>
    <col min="3084" max="3084" width="14.33203125" style="27" customWidth="1"/>
    <col min="3085" max="3085" width="10.33203125" style="27" customWidth="1"/>
    <col min="3086" max="3086" width="10.58203125" style="27" customWidth="1"/>
    <col min="3087" max="3087" width="13" style="27" customWidth="1"/>
    <col min="3088" max="3328" width="9" style="27"/>
    <col min="3329" max="3329" width="7.58203125" style="27" customWidth="1"/>
    <col min="3330" max="3330" width="38.83203125" style="27" customWidth="1"/>
    <col min="3331" max="3331" width="19.75" style="27" customWidth="1"/>
    <col min="3332" max="3332" width="13" style="27" customWidth="1"/>
    <col min="3333" max="3337" width="14.33203125" style="27" customWidth="1"/>
    <col min="3338" max="3338" width="10.58203125" style="27" customWidth="1"/>
    <col min="3339" max="3339" width="13.33203125" style="27" customWidth="1"/>
    <col min="3340" max="3340" width="14.33203125" style="27" customWidth="1"/>
    <col min="3341" max="3341" width="10.33203125" style="27" customWidth="1"/>
    <col min="3342" max="3342" width="10.58203125" style="27" customWidth="1"/>
    <col min="3343" max="3343" width="13" style="27" customWidth="1"/>
    <col min="3344" max="3584" width="9" style="27"/>
    <col min="3585" max="3585" width="7.58203125" style="27" customWidth="1"/>
    <col min="3586" max="3586" width="38.83203125" style="27" customWidth="1"/>
    <col min="3587" max="3587" width="19.75" style="27" customWidth="1"/>
    <col min="3588" max="3588" width="13" style="27" customWidth="1"/>
    <col min="3589" max="3593" width="14.33203125" style="27" customWidth="1"/>
    <col min="3594" max="3594" width="10.58203125" style="27" customWidth="1"/>
    <col min="3595" max="3595" width="13.33203125" style="27" customWidth="1"/>
    <col min="3596" max="3596" width="14.33203125" style="27" customWidth="1"/>
    <col min="3597" max="3597" width="10.33203125" style="27" customWidth="1"/>
    <col min="3598" max="3598" width="10.58203125" style="27" customWidth="1"/>
    <col min="3599" max="3599" width="13" style="27" customWidth="1"/>
    <col min="3600" max="3840" width="9" style="27"/>
    <col min="3841" max="3841" width="7.58203125" style="27" customWidth="1"/>
    <col min="3842" max="3842" width="38.83203125" style="27" customWidth="1"/>
    <col min="3843" max="3843" width="19.75" style="27" customWidth="1"/>
    <col min="3844" max="3844" width="13" style="27" customWidth="1"/>
    <col min="3845" max="3849" width="14.33203125" style="27" customWidth="1"/>
    <col min="3850" max="3850" width="10.58203125" style="27" customWidth="1"/>
    <col min="3851" max="3851" width="13.33203125" style="27" customWidth="1"/>
    <col min="3852" max="3852" width="14.33203125" style="27" customWidth="1"/>
    <col min="3853" max="3853" width="10.33203125" style="27" customWidth="1"/>
    <col min="3854" max="3854" width="10.58203125" style="27" customWidth="1"/>
    <col min="3855" max="3855" width="13" style="27" customWidth="1"/>
    <col min="3856" max="4096" width="9" style="27"/>
    <col min="4097" max="4097" width="7.58203125" style="27" customWidth="1"/>
    <col min="4098" max="4098" width="38.83203125" style="27" customWidth="1"/>
    <col min="4099" max="4099" width="19.75" style="27" customWidth="1"/>
    <col min="4100" max="4100" width="13" style="27" customWidth="1"/>
    <col min="4101" max="4105" width="14.33203125" style="27" customWidth="1"/>
    <col min="4106" max="4106" width="10.58203125" style="27" customWidth="1"/>
    <col min="4107" max="4107" width="13.33203125" style="27" customWidth="1"/>
    <col min="4108" max="4108" width="14.33203125" style="27" customWidth="1"/>
    <col min="4109" max="4109" width="10.33203125" style="27" customWidth="1"/>
    <col min="4110" max="4110" width="10.58203125" style="27" customWidth="1"/>
    <col min="4111" max="4111" width="13" style="27" customWidth="1"/>
    <col min="4112" max="4352" width="9" style="27"/>
    <col min="4353" max="4353" width="7.58203125" style="27" customWidth="1"/>
    <col min="4354" max="4354" width="38.83203125" style="27" customWidth="1"/>
    <col min="4355" max="4355" width="19.75" style="27" customWidth="1"/>
    <col min="4356" max="4356" width="13" style="27" customWidth="1"/>
    <col min="4357" max="4361" width="14.33203125" style="27" customWidth="1"/>
    <col min="4362" max="4362" width="10.58203125" style="27" customWidth="1"/>
    <col min="4363" max="4363" width="13.33203125" style="27" customWidth="1"/>
    <col min="4364" max="4364" width="14.33203125" style="27" customWidth="1"/>
    <col min="4365" max="4365" width="10.33203125" style="27" customWidth="1"/>
    <col min="4366" max="4366" width="10.58203125" style="27" customWidth="1"/>
    <col min="4367" max="4367" width="13" style="27" customWidth="1"/>
    <col min="4368" max="4608" width="9" style="27"/>
    <col min="4609" max="4609" width="7.58203125" style="27" customWidth="1"/>
    <col min="4610" max="4610" width="38.83203125" style="27" customWidth="1"/>
    <col min="4611" max="4611" width="19.75" style="27" customWidth="1"/>
    <col min="4612" max="4612" width="13" style="27" customWidth="1"/>
    <col min="4613" max="4617" width="14.33203125" style="27" customWidth="1"/>
    <col min="4618" max="4618" width="10.58203125" style="27" customWidth="1"/>
    <col min="4619" max="4619" width="13.33203125" style="27" customWidth="1"/>
    <col min="4620" max="4620" width="14.33203125" style="27" customWidth="1"/>
    <col min="4621" max="4621" width="10.33203125" style="27" customWidth="1"/>
    <col min="4622" max="4622" width="10.58203125" style="27" customWidth="1"/>
    <col min="4623" max="4623" width="13" style="27" customWidth="1"/>
    <col min="4624" max="4864" width="9" style="27"/>
    <col min="4865" max="4865" width="7.58203125" style="27" customWidth="1"/>
    <col min="4866" max="4866" width="38.83203125" style="27" customWidth="1"/>
    <col min="4867" max="4867" width="19.75" style="27" customWidth="1"/>
    <col min="4868" max="4868" width="13" style="27" customWidth="1"/>
    <col min="4869" max="4873" width="14.33203125" style="27" customWidth="1"/>
    <col min="4874" max="4874" width="10.58203125" style="27" customWidth="1"/>
    <col min="4875" max="4875" width="13.33203125" style="27" customWidth="1"/>
    <col min="4876" max="4876" width="14.33203125" style="27" customWidth="1"/>
    <col min="4877" max="4877" width="10.33203125" style="27" customWidth="1"/>
    <col min="4878" max="4878" width="10.58203125" style="27" customWidth="1"/>
    <col min="4879" max="4879" width="13" style="27" customWidth="1"/>
    <col min="4880" max="5120" width="9" style="27"/>
    <col min="5121" max="5121" width="7.58203125" style="27" customWidth="1"/>
    <col min="5122" max="5122" width="38.83203125" style="27" customWidth="1"/>
    <col min="5123" max="5123" width="19.75" style="27" customWidth="1"/>
    <col min="5124" max="5124" width="13" style="27" customWidth="1"/>
    <col min="5125" max="5129" width="14.33203125" style="27" customWidth="1"/>
    <col min="5130" max="5130" width="10.58203125" style="27" customWidth="1"/>
    <col min="5131" max="5131" width="13.33203125" style="27" customWidth="1"/>
    <col min="5132" max="5132" width="14.33203125" style="27" customWidth="1"/>
    <col min="5133" max="5133" width="10.33203125" style="27" customWidth="1"/>
    <col min="5134" max="5134" width="10.58203125" style="27" customWidth="1"/>
    <col min="5135" max="5135" width="13" style="27" customWidth="1"/>
    <col min="5136" max="5376" width="9" style="27"/>
    <col min="5377" max="5377" width="7.58203125" style="27" customWidth="1"/>
    <col min="5378" max="5378" width="38.83203125" style="27" customWidth="1"/>
    <col min="5379" max="5379" width="19.75" style="27" customWidth="1"/>
    <col min="5380" max="5380" width="13" style="27" customWidth="1"/>
    <col min="5381" max="5385" width="14.33203125" style="27" customWidth="1"/>
    <col min="5386" max="5386" width="10.58203125" style="27" customWidth="1"/>
    <col min="5387" max="5387" width="13.33203125" style="27" customWidth="1"/>
    <col min="5388" max="5388" width="14.33203125" style="27" customWidth="1"/>
    <col min="5389" max="5389" width="10.33203125" style="27" customWidth="1"/>
    <col min="5390" max="5390" width="10.58203125" style="27" customWidth="1"/>
    <col min="5391" max="5391" width="13" style="27" customWidth="1"/>
    <col min="5392" max="5632" width="9" style="27"/>
    <col min="5633" max="5633" width="7.58203125" style="27" customWidth="1"/>
    <col min="5634" max="5634" width="38.83203125" style="27" customWidth="1"/>
    <col min="5635" max="5635" width="19.75" style="27" customWidth="1"/>
    <col min="5636" max="5636" width="13" style="27" customWidth="1"/>
    <col min="5637" max="5641" width="14.33203125" style="27" customWidth="1"/>
    <col min="5642" max="5642" width="10.58203125" style="27" customWidth="1"/>
    <col min="5643" max="5643" width="13.33203125" style="27" customWidth="1"/>
    <col min="5644" max="5644" width="14.33203125" style="27" customWidth="1"/>
    <col min="5645" max="5645" width="10.33203125" style="27" customWidth="1"/>
    <col min="5646" max="5646" width="10.58203125" style="27" customWidth="1"/>
    <col min="5647" max="5647" width="13" style="27" customWidth="1"/>
    <col min="5648" max="5888" width="9" style="27"/>
    <col min="5889" max="5889" width="7.58203125" style="27" customWidth="1"/>
    <col min="5890" max="5890" width="38.83203125" style="27" customWidth="1"/>
    <col min="5891" max="5891" width="19.75" style="27" customWidth="1"/>
    <col min="5892" max="5892" width="13" style="27" customWidth="1"/>
    <col min="5893" max="5897" width="14.33203125" style="27" customWidth="1"/>
    <col min="5898" max="5898" width="10.58203125" style="27" customWidth="1"/>
    <col min="5899" max="5899" width="13.33203125" style="27" customWidth="1"/>
    <col min="5900" max="5900" width="14.33203125" style="27" customWidth="1"/>
    <col min="5901" max="5901" width="10.33203125" style="27" customWidth="1"/>
    <col min="5902" max="5902" width="10.58203125" style="27" customWidth="1"/>
    <col min="5903" max="5903" width="13" style="27" customWidth="1"/>
    <col min="5904" max="6144" width="9" style="27"/>
    <col min="6145" max="6145" width="7.58203125" style="27" customWidth="1"/>
    <col min="6146" max="6146" width="38.83203125" style="27" customWidth="1"/>
    <col min="6147" max="6147" width="19.75" style="27" customWidth="1"/>
    <col min="6148" max="6148" width="13" style="27" customWidth="1"/>
    <col min="6149" max="6153" width="14.33203125" style="27" customWidth="1"/>
    <col min="6154" max="6154" width="10.58203125" style="27" customWidth="1"/>
    <col min="6155" max="6155" width="13.33203125" style="27" customWidth="1"/>
    <col min="6156" max="6156" width="14.33203125" style="27" customWidth="1"/>
    <col min="6157" max="6157" width="10.33203125" style="27" customWidth="1"/>
    <col min="6158" max="6158" width="10.58203125" style="27" customWidth="1"/>
    <col min="6159" max="6159" width="13" style="27" customWidth="1"/>
    <col min="6160" max="6400" width="9" style="27"/>
    <col min="6401" max="6401" width="7.58203125" style="27" customWidth="1"/>
    <col min="6402" max="6402" width="38.83203125" style="27" customWidth="1"/>
    <col min="6403" max="6403" width="19.75" style="27" customWidth="1"/>
    <col min="6404" max="6404" width="13" style="27" customWidth="1"/>
    <col min="6405" max="6409" width="14.33203125" style="27" customWidth="1"/>
    <col min="6410" max="6410" width="10.58203125" style="27" customWidth="1"/>
    <col min="6411" max="6411" width="13.33203125" style="27" customWidth="1"/>
    <col min="6412" max="6412" width="14.33203125" style="27" customWidth="1"/>
    <col min="6413" max="6413" width="10.33203125" style="27" customWidth="1"/>
    <col min="6414" max="6414" width="10.58203125" style="27" customWidth="1"/>
    <col min="6415" max="6415" width="13" style="27" customWidth="1"/>
    <col min="6416" max="6656" width="9" style="27"/>
    <col min="6657" max="6657" width="7.58203125" style="27" customWidth="1"/>
    <col min="6658" max="6658" width="38.83203125" style="27" customWidth="1"/>
    <col min="6659" max="6659" width="19.75" style="27" customWidth="1"/>
    <col min="6660" max="6660" width="13" style="27" customWidth="1"/>
    <col min="6661" max="6665" width="14.33203125" style="27" customWidth="1"/>
    <col min="6666" max="6666" width="10.58203125" style="27" customWidth="1"/>
    <col min="6667" max="6667" width="13.33203125" style="27" customWidth="1"/>
    <col min="6668" max="6668" width="14.33203125" style="27" customWidth="1"/>
    <col min="6669" max="6669" width="10.33203125" style="27" customWidth="1"/>
    <col min="6670" max="6670" width="10.58203125" style="27" customWidth="1"/>
    <col min="6671" max="6671" width="13" style="27" customWidth="1"/>
    <col min="6672" max="6912" width="9" style="27"/>
    <col min="6913" max="6913" width="7.58203125" style="27" customWidth="1"/>
    <col min="6914" max="6914" width="38.83203125" style="27" customWidth="1"/>
    <col min="6915" max="6915" width="19.75" style="27" customWidth="1"/>
    <col min="6916" max="6916" width="13" style="27" customWidth="1"/>
    <col min="6917" max="6921" width="14.33203125" style="27" customWidth="1"/>
    <col min="6922" max="6922" width="10.58203125" style="27" customWidth="1"/>
    <col min="6923" max="6923" width="13.33203125" style="27" customWidth="1"/>
    <col min="6924" max="6924" width="14.33203125" style="27" customWidth="1"/>
    <col min="6925" max="6925" width="10.33203125" style="27" customWidth="1"/>
    <col min="6926" max="6926" width="10.58203125" style="27" customWidth="1"/>
    <col min="6927" max="6927" width="13" style="27" customWidth="1"/>
    <col min="6928" max="7168" width="9" style="27"/>
    <col min="7169" max="7169" width="7.58203125" style="27" customWidth="1"/>
    <col min="7170" max="7170" width="38.83203125" style="27" customWidth="1"/>
    <col min="7171" max="7171" width="19.75" style="27" customWidth="1"/>
    <col min="7172" max="7172" width="13" style="27" customWidth="1"/>
    <col min="7173" max="7177" width="14.33203125" style="27" customWidth="1"/>
    <col min="7178" max="7178" width="10.58203125" style="27" customWidth="1"/>
    <col min="7179" max="7179" width="13.33203125" style="27" customWidth="1"/>
    <col min="7180" max="7180" width="14.33203125" style="27" customWidth="1"/>
    <col min="7181" max="7181" width="10.33203125" style="27" customWidth="1"/>
    <col min="7182" max="7182" width="10.58203125" style="27" customWidth="1"/>
    <col min="7183" max="7183" width="13" style="27" customWidth="1"/>
    <col min="7184" max="7424" width="9" style="27"/>
    <col min="7425" max="7425" width="7.58203125" style="27" customWidth="1"/>
    <col min="7426" max="7426" width="38.83203125" style="27" customWidth="1"/>
    <col min="7427" max="7427" width="19.75" style="27" customWidth="1"/>
    <col min="7428" max="7428" width="13" style="27" customWidth="1"/>
    <col min="7429" max="7433" width="14.33203125" style="27" customWidth="1"/>
    <col min="7434" max="7434" width="10.58203125" style="27" customWidth="1"/>
    <col min="7435" max="7435" width="13.33203125" style="27" customWidth="1"/>
    <col min="7436" max="7436" width="14.33203125" style="27" customWidth="1"/>
    <col min="7437" max="7437" width="10.33203125" style="27" customWidth="1"/>
    <col min="7438" max="7438" width="10.58203125" style="27" customWidth="1"/>
    <col min="7439" max="7439" width="13" style="27" customWidth="1"/>
    <col min="7440" max="7680" width="9" style="27"/>
    <col min="7681" max="7681" width="7.58203125" style="27" customWidth="1"/>
    <col min="7682" max="7682" width="38.83203125" style="27" customWidth="1"/>
    <col min="7683" max="7683" width="19.75" style="27" customWidth="1"/>
    <col min="7684" max="7684" width="13" style="27" customWidth="1"/>
    <col min="7685" max="7689" width="14.33203125" style="27" customWidth="1"/>
    <col min="7690" max="7690" width="10.58203125" style="27" customWidth="1"/>
    <col min="7691" max="7691" width="13.33203125" style="27" customWidth="1"/>
    <col min="7692" max="7692" width="14.33203125" style="27" customWidth="1"/>
    <col min="7693" max="7693" width="10.33203125" style="27" customWidth="1"/>
    <col min="7694" max="7694" width="10.58203125" style="27" customWidth="1"/>
    <col min="7695" max="7695" width="13" style="27" customWidth="1"/>
    <col min="7696" max="7936" width="9" style="27"/>
    <col min="7937" max="7937" width="7.58203125" style="27" customWidth="1"/>
    <col min="7938" max="7938" width="38.83203125" style="27" customWidth="1"/>
    <col min="7939" max="7939" width="19.75" style="27" customWidth="1"/>
    <col min="7940" max="7940" width="13" style="27" customWidth="1"/>
    <col min="7941" max="7945" width="14.33203125" style="27" customWidth="1"/>
    <col min="7946" max="7946" width="10.58203125" style="27" customWidth="1"/>
    <col min="7947" max="7947" width="13.33203125" style="27" customWidth="1"/>
    <col min="7948" max="7948" width="14.33203125" style="27" customWidth="1"/>
    <col min="7949" max="7949" width="10.33203125" style="27" customWidth="1"/>
    <col min="7950" max="7950" width="10.58203125" style="27" customWidth="1"/>
    <col min="7951" max="7951" width="13" style="27" customWidth="1"/>
    <col min="7952" max="8192" width="9" style="27"/>
    <col min="8193" max="8193" width="7.58203125" style="27" customWidth="1"/>
    <col min="8194" max="8194" width="38.83203125" style="27" customWidth="1"/>
    <col min="8195" max="8195" width="19.75" style="27" customWidth="1"/>
    <col min="8196" max="8196" width="13" style="27" customWidth="1"/>
    <col min="8197" max="8201" width="14.33203125" style="27" customWidth="1"/>
    <col min="8202" max="8202" width="10.58203125" style="27" customWidth="1"/>
    <col min="8203" max="8203" width="13.33203125" style="27" customWidth="1"/>
    <col min="8204" max="8204" width="14.33203125" style="27" customWidth="1"/>
    <col min="8205" max="8205" width="10.33203125" style="27" customWidth="1"/>
    <col min="8206" max="8206" width="10.58203125" style="27" customWidth="1"/>
    <col min="8207" max="8207" width="13" style="27" customWidth="1"/>
    <col min="8208" max="8448" width="9" style="27"/>
    <col min="8449" max="8449" width="7.58203125" style="27" customWidth="1"/>
    <col min="8450" max="8450" width="38.83203125" style="27" customWidth="1"/>
    <col min="8451" max="8451" width="19.75" style="27" customWidth="1"/>
    <col min="8452" max="8452" width="13" style="27" customWidth="1"/>
    <col min="8453" max="8457" width="14.33203125" style="27" customWidth="1"/>
    <col min="8458" max="8458" width="10.58203125" style="27" customWidth="1"/>
    <col min="8459" max="8459" width="13.33203125" style="27" customWidth="1"/>
    <col min="8460" max="8460" width="14.33203125" style="27" customWidth="1"/>
    <col min="8461" max="8461" width="10.33203125" style="27" customWidth="1"/>
    <col min="8462" max="8462" width="10.58203125" style="27" customWidth="1"/>
    <col min="8463" max="8463" width="13" style="27" customWidth="1"/>
    <col min="8464" max="8704" width="9" style="27"/>
    <col min="8705" max="8705" width="7.58203125" style="27" customWidth="1"/>
    <col min="8706" max="8706" width="38.83203125" style="27" customWidth="1"/>
    <col min="8707" max="8707" width="19.75" style="27" customWidth="1"/>
    <col min="8708" max="8708" width="13" style="27" customWidth="1"/>
    <col min="8709" max="8713" width="14.33203125" style="27" customWidth="1"/>
    <col min="8714" max="8714" width="10.58203125" style="27" customWidth="1"/>
    <col min="8715" max="8715" width="13.33203125" style="27" customWidth="1"/>
    <col min="8716" max="8716" width="14.33203125" style="27" customWidth="1"/>
    <col min="8717" max="8717" width="10.33203125" style="27" customWidth="1"/>
    <col min="8718" max="8718" width="10.58203125" style="27" customWidth="1"/>
    <col min="8719" max="8719" width="13" style="27" customWidth="1"/>
    <col min="8720" max="8960" width="9" style="27"/>
    <col min="8961" max="8961" width="7.58203125" style="27" customWidth="1"/>
    <col min="8962" max="8962" width="38.83203125" style="27" customWidth="1"/>
    <col min="8963" max="8963" width="19.75" style="27" customWidth="1"/>
    <col min="8964" max="8964" width="13" style="27" customWidth="1"/>
    <col min="8965" max="8969" width="14.33203125" style="27" customWidth="1"/>
    <col min="8970" max="8970" width="10.58203125" style="27" customWidth="1"/>
    <col min="8971" max="8971" width="13.33203125" style="27" customWidth="1"/>
    <col min="8972" max="8972" width="14.33203125" style="27" customWidth="1"/>
    <col min="8973" max="8973" width="10.33203125" style="27" customWidth="1"/>
    <col min="8974" max="8974" width="10.58203125" style="27" customWidth="1"/>
    <col min="8975" max="8975" width="13" style="27" customWidth="1"/>
    <col min="8976" max="9216" width="9" style="27"/>
    <col min="9217" max="9217" width="7.58203125" style="27" customWidth="1"/>
    <col min="9218" max="9218" width="38.83203125" style="27" customWidth="1"/>
    <col min="9219" max="9219" width="19.75" style="27" customWidth="1"/>
    <col min="9220" max="9220" width="13" style="27" customWidth="1"/>
    <col min="9221" max="9225" width="14.33203125" style="27" customWidth="1"/>
    <col min="9226" max="9226" width="10.58203125" style="27" customWidth="1"/>
    <col min="9227" max="9227" width="13.33203125" style="27" customWidth="1"/>
    <col min="9228" max="9228" width="14.33203125" style="27" customWidth="1"/>
    <col min="9229" max="9229" width="10.33203125" style="27" customWidth="1"/>
    <col min="9230" max="9230" width="10.58203125" style="27" customWidth="1"/>
    <col min="9231" max="9231" width="13" style="27" customWidth="1"/>
    <col min="9232" max="9472" width="9" style="27"/>
    <col min="9473" max="9473" width="7.58203125" style="27" customWidth="1"/>
    <col min="9474" max="9474" width="38.83203125" style="27" customWidth="1"/>
    <col min="9475" max="9475" width="19.75" style="27" customWidth="1"/>
    <col min="9476" max="9476" width="13" style="27" customWidth="1"/>
    <col min="9477" max="9481" width="14.33203125" style="27" customWidth="1"/>
    <col min="9482" max="9482" width="10.58203125" style="27" customWidth="1"/>
    <col min="9483" max="9483" width="13.33203125" style="27" customWidth="1"/>
    <col min="9484" max="9484" width="14.33203125" style="27" customWidth="1"/>
    <col min="9485" max="9485" width="10.33203125" style="27" customWidth="1"/>
    <col min="9486" max="9486" width="10.58203125" style="27" customWidth="1"/>
    <col min="9487" max="9487" width="13" style="27" customWidth="1"/>
    <col min="9488" max="9728" width="9" style="27"/>
    <col min="9729" max="9729" width="7.58203125" style="27" customWidth="1"/>
    <col min="9730" max="9730" width="38.83203125" style="27" customWidth="1"/>
    <col min="9731" max="9731" width="19.75" style="27" customWidth="1"/>
    <col min="9732" max="9732" width="13" style="27" customWidth="1"/>
    <col min="9733" max="9737" width="14.33203125" style="27" customWidth="1"/>
    <col min="9738" max="9738" width="10.58203125" style="27" customWidth="1"/>
    <col min="9739" max="9739" width="13.33203125" style="27" customWidth="1"/>
    <col min="9740" max="9740" width="14.33203125" style="27" customWidth="1"/>
    <col min="9741" max="9741" width="10.33203125" style="27" customWidth="1"/>
    <col min="9742" max="9742" width="10.58203125" style="27" customWidth="1"/>
    <col min="9743" max="9743" width="13" style="27" customWidth="1"/>
    <col min="9744" max="9984" width="9" style="27"/>
    <col min="9985" max="9985" width="7.58203125" style="27" customWidth="1"/>
    <col min="9986" max="9986" width="38.83203125" style="27" customWidth="1"/>
    <col min="9987" max="9987" width="19.75" style="27" customWidth="1"/>
    <col min="9988" max="9988" width="13" style="27" customWidth="1"/>
    <col min="9989" max="9993" width="14.33203125" style="27" customWidth="1"/>
    <col min="9994" max="9994" width="10.58203125" style="27" customWidth="1"/>
    <col min="9995" max="9995" width="13.33203125" style="27" customWidth="1"/>
    <col min="9996" max="9996" width="14.33203125" style="27" customWidth="1"/>
    <col min="9997" max="9997" width="10.33203125" style="27" customWidth="1"/>
    <col min="9998" max="9998" width="10.58203125" style="27" customWidth="1"/>
    <col min="9999" max="9999" width="13" style="27" customWidth="1"/>
    <col min="10000" max="10240" width="9" style="27"/>
    <col min="10241" max="10241" width="7.58203125" style="27" customWidth="1"/>
    <col min="10242" max="10242" width="38.83203125" style="27" customWidth="1"/>
    <col min="10243" max="10243" width="19.75" style="27" customWidth="1"/>
    <col min="10244" max="10244" width="13" style="27" customWidth="1"/>
    <col min="10245" max="10249" width="14.33203125" style="27" customWidth="1"/>
    <col min="10250" max="10250" width="10.58203125" style="27" customWidth="1"/>
    <col min="10251" max="10251" width="13.33203125" style="27" customWidth="1"/>
    <col min="10252" max="10252" width="14.33203125" style="27" customWidth="1"/>
    <col min="10253" max="10253" width="10.33203125" style="27" customWidth="1"/>
    <col min="10254" max="10254" width="10.58203125" style="27" customWidth="1"/>
    <col min="10255" max="10255" width="13" style="27" customWidth="1"/>
    <col min="10256" max="10496" width="9" style="27"/>
    <col min="10497" max="10497" width="7.58203125" style="27" customWidth="1"/>
    <col min="10498" max="10498" width="38.83203125" style="27" customWidth="1"/>
    <col min="10499" max="10499" width="19.75" style="27" customWidth="1"/>
    <col min="10500" max="10500" width="13" style="27" customWidth="1"/>
    <col min="10501" max="10505" width="14.33203125" style="27" customWidth="1"/>
    <col min="10506" max="10506" width="10.58203125" style="27" customWidth="1"/>
    <col min="10507" max="10507" width="13.33203125" style="27" customWidth="1"/>
    <col min="10508" max="10508" width="14.33203125" style="27" customWidth="1"/>
    <col min="10509" max="10509" width="10.33203125" style="27" customWidth="1"/>
    <col min="10510" max="10510" width="10.58203125" style="27" customWidth="1"/>
    <col min="10511" max="10511" width="13" style="27" customWidth="1"/>
    <col min="10512" max="10752" width="9" style="27"/>
    <col min="10753" max="10753" width="7.58203125" style="27" customWidth="1"/>
    <col min="10754" max="10754" width="38.83203125" style="27" customWidth="1"/>
    <col min="10755" max="10755" width="19.75" style="27" customWidth="1"/>
    <col min="10756" max="10756" width="13" style="27" customWidth="1"/>
    <col min="10757" max="10761" width="14.33203125" style="27" customWidth="1"/>
    <col min="10762" max="10762" width="10.58203125" style="27" customWidth="1"/>
    <col min="10763" max="10763" width="13.33203125" style="27" customWidth="1"/>
    <col min="10764" max="10764" width="14.33203125" style="27" customWidth="1"/>
    <col min="10765" max="10765" width="10.33203125" style="27" customWidth="1"/>
    <col min="10766" max="10766" width="10.58203125" style="27" customWidth="1"/>
    <col min="10767" max="10767" width="13" style="27" customWidth="1"/>
    <col min="10768" max="11008" width="9" style="27"/>
    <col min="11009" max="11009" width="7.58203125" style="27" customWidth="1"/>
    <col min="11010" max="11010" width="38.83203125" style="27" customWidth="1"/>
    <col min="11011" max="11011" width="19.75" style="27" customWidth="1"/>
    <col min="11012" max="11012" width="13" style="27" customWidth="1"/>
    <col min="11013" max="11017" width="14.33203125" style="27" customWidth="1"/>
    <col min="11018" max="11018" width="10.58203125" style="27" customWidth="1"/>
    <col min="11019" max="11019" width="13.33203125" style="27" customWidth="1"/>
    <col min="11020" max="11020" width="14.33203125" style="27" customWidth="1"/>
    <col min="11021" max="11021" width="10.33203125" style="27" customWidth="1"/>
    <col min="11022" max="11022" width="10.58203125" style="27" customWidth="1"/>
    <col min="11023" max="11023" width="13" style="27" customWidth="1"/>
    <col min="11024" max="11264" width="9" style="27"/>
    <col min="11265" max="11265" width="7.58203125" style="27" customWidth="1"/>
    <col min="11266" max="11266" width="38.83203125" style="27" customWidth="1"/>
    <col min="11267" max="11267" width="19.75" style="27" customWidth="1"/>
    <col min="11268" max="11268" width="13" style="27" customWidth="1"/>
    <col min="11269" max="11273" width="14.33203125" style="27" customWidth="1"/>
    <col min="11274" max="11274" width="10.58203125" style="27" customWidth="1"/>
    <col min="11275" max="11275" width="13.33203125" style="27" customWidth="1"/>
    <col min="11276" max="11276" width="14.33203125" style="27" customWidth="1"/>
    <col min="11277" max="11277" width="10.33203125" style="27" customWidth="1"/>
    <col min="11278" max="11278" width="10.58203125" style="27" customWidth="1"/>
    <col min="11279" max="11279" width="13" style="27" customWidth="1"/>
    <col min="11280" max="11520" width="9" style="27"/>
    <col min="11521" max="11521" width="7.58203125" style="27" customWidth="1"/>
    <col min="11522" max="11522" width="38.83203125" style="27" customWidth="1"/>
    <col min="11523" max="11523" width="19.75" style="27" customWidth="1"/>
    <col min="11524" max="11524" width="13" style="27" customWidth="1"/>
    <col min="11525" max="11529" width="14.33203125" style="27" customWidth="1"/>
    <col min="11530" max="11530" width="10.58203125" style="27" customWidth="1"/>
    <col min="11531" max="11531" width="13.33203125" style="27" customWidth="1"/>
    <col min="11532" max="11532" width="14.33203125" style="27" customWidth="1"/>
    <col min="11533" max="11533" width="10.33203125" style="27" customWidth="1"/>
    <col min="11534" max="11534" width="10.58203125" style="27" customWidth="1"/>
    <col min="11535" max="11535" width="13" style="27" customWidth="1"/>
    <col min="11536" max="11776" width="9" style="27"/>
    <col min="11777" max="11777" width="7.58203125" style="27" customWidth="1"/>
    <col min="11778" max="11778" width="38.83203125" style="27" customWidth="1"/>
    <col min="11779" max="11779" width="19.75" style="27" customWidth="1"/>
    <col min="11780" max="11780" width="13" style="27" customWidth="1"/>
    <col min="11781" max="11785" width="14.33203125" style="27" customWidth="1"/>
    <col min="11786" max="11786" width="10.58203125" style="27" customWidth="1"/>
    <col min="11787" max="11787" width="13.33203125" style="27" customWidth="1"/>
    <col min="11788" max="11788" width="14.33203125" style="27" customWidth="1"/>
    <col min="11789" max="11789" width="10.33203125" style="27" customWidth="1"/>
    <col min="11790" max="11790" width="10.58203125" style="27" customWidth="1"/>
    <col min="11791" max="11791" width="13" style="27" customWidth="1"/>
    <col min="11792" max="12032" width="9" style="27"/>
    <col min="12033" max="12033" width="7.58203125" style="27" customWidth="1"/>
    <col min="12034" max="12034" width="38.83203125" style="27" customWidth="1"/>
    <col min="12035" max="12035" width="19.75" style="27" customWidth="1"/>
    <col min="12036" max="12036" width="13" style="27" customWidth="1"/>
    <col min="12037" max="12041" width="14.33203125" style="27" customWidth="1"/>
    <col min="12042" max="12042" width="10.58203125" style="27" customWidth="1"/>
    <col min="12043" max="12043" width="13.33203125" style="27" customWidth="1"/>
    <col min="12044" max="12044" width="14.33203125" style="27" customWidth="1"/>
    <col min="12045" max="12045" width="10.33203125" style="27" customWidth="1"/>
    <col min="12046" max="12046" width="10.58203125" style="27" customWidth="1"/>
    <col min="12047" max="12047" width="13" style="27" customWidth="1"/>
    <col min="12048" max="12288" width="9" style="27"/>
    <col min="12289" max="12289" width="7.58203125" style="27" customWidth="1"/>
    <col min="12290" max="12290" width="38.83203125" style="27" customWidth="1"/>
    <col min="12291" max="12291" width="19.75" style="27" customWidth="1"/>
    <col min="12292" max="12292" width="13" style="27" customWidth="1"/>
    <col min="12293" max="12297" width="14.33203125" style="27" customWidth="1"/>
    <col min="12298" max="12298" width="10.58203125" style="27" customWidth="1"/>
    <col min="12299" max="12299" width="13.33203125" style="27" customWidth="1"/>
    <col min="12300" max="12300" width="14.33203125" style="27" customWidth="1"/>
    <col min="12301" max="12301" width="10.33203125" style="27" customWidth="1"/>
    <col min="12302" max="12302" width="10.58203125" style="27" customWidth="1"/>
    <col min="12303" max="12303" width="13" style="27" customWidth="1"/>
    <col min="12304" max="12544" width="9" style="27"/>
    <col min="12545" max="12545" width="7.58203125" style="27" customWidth="1"/>
    <col min="12546" max="12546" width="38.83203125" style="27" customWidth="1"/>
    <col min="12547" max="12547" width="19.75" style="27" customWidth="1"/>
    <col min="12548" max="12548" width="13" style="27" customWidth="1"/>
    <col min="12549" max="12553" width="14.33203125" style="27" customWidth="1"/>
    <col min="12554" max="12554" width="10.58203125" style="27" customWidth="1"/>
    <col min="12555" max="12555" width="13.33203125" style="27" customWidth="1"/>
    <col min="12556" max="12556" width="14.33203125" style="27" customWidth="1"/>
    <col min="12557" max="12557" width="10.33203125" style="27" customWidth="1"/>
    <col min="12558" max="12558" width="10.58203125" style="27" customWidth="1"/>
    <col min="12559" max="12559" width="13" style="27" customWidth="1"/>
    <col min="12560" max="12800" width="9" style="27"/>
    <col min="12801" max="12801" width="7.58203125" style="27" customWidth="1"/>
    <col min="12802" max="12802" width="38.83203125" style="27" customWidth="1"/>
    <col min="12803" max="12803" width="19.75" style="27" customWidth="1"/>
    <col min="12804" max="12804" width="13" style="27" customWidth="1"/>
    <col min="12805" max="12809" width="14.33203125" style="27" customWidth="1"/>
    <col min="12810" max="12810" width="10.58203125" style="27" customWidth="1"/>
    <col min="12811" max="12811" width="13.33203125" style="27" customWidth="1"/>
    <col min="12812" max="12812" width="14.33203125" style="27" customWidth="1"/>
    <col min="12813" max="12813" width="10.33203125" style="27" customWidth="1"/>
    <col min="12814" max="12814" width="10.58203125" style="27" customWidth="1"/>
    <col min="12815" max="12815" width="13" style="27" customWidth="1"/>
    <col min="12816" max="13056" width="9" style="27"/>
    <col min="13057" max="13057" width="7.58203125" style="27" customWidth="1"/>
    <col min="13058" max="13058" width="38.83203125" style="27" customWidth="1"/>
    <col min="13059" max="13059" width="19.75" style="27" customWidth="1"/>
    <col min="13060" max="13060" width="13" style="27" customWidth="1"/>
    <col min="13061" max="13065" width="14.33203125" style="27" customWidth="1"/>
    <col min="13066" max="13066" width="10.58203125" style="27" customWidth="1"/>
    <col min="13067" max="13067" width="13.33203125" style="27" customWidth="1"/>
    <col min="13068" max="13068" width="14.33203125" style="27" customWidth="1"/>
    <col min="13069" max="13069" width="10.33203125" style="27" customWidth="1"/>
    <col min="13070" max="13070" width="10.58203125" style="27" customWidth="1"/>
    <col min="13071" max="13071" width="13" style="27" customWidth="1"/>
    <col min="13072" max="13312" width="9" style="27"/>
    <col min="13313" max="13313" width="7.58203125" style="27" customWidth="1"/>
    <col min="13314" max="13314" width="38.83203125" style="27" customWidth="1"/>
    <col min="13315" max="13315" width="19.75" style="27" customWidth="1"/>
    <col min="13316" max="13316" width="13" style="27" customWidth="1"/>
    <col min="13317" max="13321" width="14.33203125" style="27" customWidth="1"/>
    <col min="13322" max="13322" width="10.58203125" style="27" customWidth="1"/>
    <col min="13323" max="13323" width="13.33203125" style="27" customWidth="1"/>
    <col min="13324" max="13324" width="14.33203125" style="27" customWidth="1"/>
    <col min="13325" max="13325" width="10.33203125" style="27" customWidth="1"/>
    <col min="13326" max="13326" width="10.58203125" style="27" customWidth="1"/>
    <col min="13327" max="13327" width="13" style="27" customWidth="1"/>
    <col min="13328" max="13568" width="9" style="27"/>
    <col min="13569" max="13569" width="7.58203125" style="27" customWidth="1"/>
    <col min="13570" max="13570" width="38.83203125" style="27" customWidth="1"/>
    <col min="13571" max="13571" width="19.75" style="27" customWidth="1"/>
    <col min="13572" max="13572" width="13" style="27" customWidth="1"/>
    <col min="13573" max="13577" width="14.33203125" style="27" customWidth="1"/>
    <col min="13578" max="13578" width="10.58203125" style="27" customWidth="1"/>
    <col min="13579" max="13579" width="13.33203125" style="27" customWidth="1"/>
    <col min="13580" max="13580" width="14.33203125" style="27" customWidth="1"/>
    <col min="13581" max="13581" width="10.33203125" style="27" customWidth="1"/>
    <col min="13582" max="13582" width="10.58203125" style="27" customWidth="1"/>
    <col min="13583" max="13583" width="13" style="27" customWidth="1"/>
    <col min="13584" max="13824" width="9" style="27"/>
    <col min="13825" max="13825" width="7.58203125" style="27" customWidth="1"/>
    <col min="13826" max="13826" width="38.83203125" style="27" customWidth="1"/>
    <col min="13827" max="13827" width="19.75" style="27" customWidth="1"/>
    <col min="13828" max="13828" width="13" style="27" customWidth="1"/>
    <col min="13829" max="13833" width="14.33203125" style="27" customWidth="1"/>
    <col min="13834" max="13834" width="10.58203125" style="27" customWidth="1"/>
    <col min="13835" max="13835" width="13.33203125" style="27" customWidth="1"/>
    <col min="13836" max="13836" width="14.33203125" style="27" customWidth="1"/>
    <col min="13837" max="13837" width="10.33203125" style="27" customWidth="1"/>
    <col min="13838" max="13838" width="10.58203125" style="27" customWidth="1"/>
    <col min="13839" max="13839" width="13" style="27" customWidth="1"/>
    <col min="13840" max="14080" width="9" style="27"/>
    <col min="14081" max="14081" width="7.58203125" style="27" customWidth="1"/>
    <col min="14082" max="14082" width="38.83203125" style="27" customWidth="1"/>
    <col min="14083" max="14083" width="19.75" style="27" customWidth="1"/>
    <col min="14084" max="14084" width="13" style="27" customWidth="1"/>
    <col min="14085" max="14089" width="14.33203125" style="27" customWidth="1"/>
    <col min="14090" max="14090" width="10.58203125" style="27" customWidth="1"/>
    <col min="14091" max="14091" width="13.33203125" style="27" customWidth="1"/>
    <col min="14092" max="14092" width="14.33203125" style="27" customWidth="1"/>
    <col min="14093" max="14093" width="10.33203125" style="27" customWidth="1"/>
    <col min="14094" max="14094" width="10.58203125" style="27" customWidth="1"/>
    <col min="14095" max="14095" width="13" style="27" customWidth="1"/>
    <col min="14096" max="14336" width="9" style="27"/>
    <col min="14337" max="14337" width="7.58203125" style="27" customWidth="1"/>
    <col min="14338" max="14338" width="38.83203125" style="27" customWidth="1"/>
    <col min="14339" max="14339" width="19.75" style="27" customWidth="1"/>
    <col min="14340" max="14340" width="13" style="27" customWidth="1"/>
    <col min="14341" max="14345" width="14.33203125" style="27" customWidth="1"/>
    <col min="14346" max="14346" width="10.58203125" style="27" customWidth="1"/>
    <col min="14347" max="14347" width="13.33203125" style="27" customWidth="1"/>
    <col min="14348" max="14348" width="14.33203125" style="27" customWidth="1"/>
    <col min="14349" max="14349" width="10.33203125" style="27" customWidth="1"/>
    <col min="14350" max="14350" width="10.58203125" style="27" customWidth="1"/>
    <col min="14351" max="14351" width="13" style="27" customWidth="1"/>
    <col min="14352" max="14592" width="9" style="27"/>
    <col min="14593" max="14593" width="7.58203125" style="27" customWidth="1"/>
    <col min="14594" max="14594" width="38.83203125" style="27" customWidth="1"/>
    <col min="14595" max="14595" width="19.75" style="27" customWidth="1"/>
    <col min="14596" max="14596" width="13" style="27" customWidth="1"/>
    <col min="14597" max="14601" width="14.33203125" style="27" customWidth="1"/>
    <col min="14602" max="14602" width="10.58203125" style="27" customWidth="1"/>
    <col min="14603" max="14603" width="13.33203125" style="27" customWidth="1"/>
    <col min="14604" max="14604" width="14.33203125" style="27" customWidth="1"/>
    <col min="14605" max="14605" width="10.33203125" style="27" customWidth="1"/>
    <col min="14606" max="14606" width="10.58203125" style="27" customWidth="1"/>
    <col min="14607" max="14607" width="13" style="27" customWidth="1"/>
    <col min="14608" max="14848" width="9" style="27"/>
    <col min="14849" max="14849" width="7.58203125" style="27" customWidth="1"/>
    <col min="14850" max="14850" width="38.83203125" style="27" customWidth="1"/>
    <col min="14851" max="14851" width="19.75" style="27" customWidth="1"/>
    <col min="14852" max="14852" width="13" style="27" customWidth="1"/>
    <col min="14853" max="14857" width="14.33203125" style="27" customWidth="1"/>
    <col min="14858" max="14858" width="10.58203125" style="27" customWidth="1"/>
    <col min="14859" max="14859" width="13.33203125" style="27" customWidth="1"/>
    <col min="14860" max="14860" width="14.33203125" style="27" customWidth="1"/>
    <col min="14861" max="14861" width="10.33203125" style="27" customWidth="1"/>
    <col min="14862" max="14862" width="10.58203125" style="27" customWidth="1"/>
    <col min="14863" max="14863" width="13" style="27" customWidth="1"/>
    <col min="14864" max="15104" width="9" style="27"/>
    <col min="15105" max="15105" width="7.58203125" style="27" customWidth="1"/>
    <col min="15106" max="15106" width="38.83203125" style="27" customWidth="1"/>
    <col min="15107" max="15107" width="19.75" style="27" customWidth="1"/>
    <col min="15108" max="15108" width="13" style="27" customWidth="1"/>
    <col min="15109" max="15113" width="14.33203125" style="27" customWidth="1"/>
    <col min="15114" max="15114" width="10.58203125" style="27" customWidth="1"/>
    <col min="15115" max="15115" width="13.33203125" style="27" customWidth="1"/>
    <col min="15116" max="15116" width="14.33203125" style="27" customWidth="1"/>
    <col min="15117" max="15117" width="10.33203125" style="27" customWidth="1"/>
    <col min="15118" max="15118" width="10.58203125" style="27" customWidth="1"/>
    <col min="15119" max="15119" width="13" style="27" customWidth="1"/>
    <col min="15120" max="15360" width="9" style="27"/>
    <col min="15361" max="15361" width="7.58203125" style="27" customWidth="1"/>
    <col min="15362" max="15362" width="38.83203125" style="27" customWidth="1"/>
    <col min="15363" max="15363" width="19.75" style="27" customWidth="1"/>
    <col min="15364" max="15364" width="13" style="27" customWidth="1"/>
    <col min="15365" max="15369" width="14.33203125" style="27" customWidth="1"/>
    <col min="15370" max="15370" width="10.58203125" style="27" customWidth="1"/>
    <col min="15371" max="15371" width="13.33203125" style="27" customWidth="1"/>
    <col min="15372" max="15372" width="14.33203125" style="27" customWidth="1"/>
    <col min="15373" max="15373" width="10.33203125" style="27" customWidth="1"/>
    <col min="15374" max="15374" width="10.58203125" style="27" customWidth="1"/>
    <col min="15375" max="15375" width="13" style="27" customWidth="1"/>
    <col min="15376" max="15616" width="9" style="27"/>
    <col min="15617" max="15617" width="7.58203125" style="27" customWidth="1"/>
    <col min="15618" max="15618" width="38.83203125" style="27" customWidth="1"/>
    <col min="15619" max="15619" width="19.75" style="27" customWidth="1"/>
    <col min="15620" max="15620" width="13" style="27" customWidth="1"/>
    <col min="15621" max="15625" width="14.33203125" style="27" customWidth="1"/>
    <col min="15626" max="15626" width="10.58203125" style="27" customWidth="1"/>
    <col min="15627" max="15627" width="13.33203125" style="27" customWidth="1"/>
    <col min="15628" max="15628" width="14.33203125" style="27" customWidth="1"/>
    <col min="15629" max="15629" width="10.33203125" style="27" customWidth="1"/>
    <col min="15630" max="15630" width="10.58203125" style="27" customWidth="1"/>
    <col min="15631" max="15631" width="13" style="27" customWidth="1"/>
    <col min="15632" max="15872" width="9" style="27"/>
    <col min="15873" max="15873" width="7.58203125" style="27" customWidth="1"/>
    <col min="15874" max="15874" width="38.83203125" style="27" customWidth="1"/>
    <col min="15875" max="15875" width="19.75" style="27" customWidth="1"/>
    <col min="15876" max="15876" width="13" style="27" customWidth="1"/>
    <col min="15877" max="15881" width="14.33203125" style="27" customWidth="1"/>
    <col min="15882" max="15882" width="10.58203125" style="27" customWidth="1"/>
    <col min="15883" max="15883" width="13.33203125" style="27" customWidth="1"/>
    <col min="15884" max="15884" width="14.33203125" style="27" customWidth="1"/>
    <col min="15885" max="15885" width="10.33203125" style="27" customWidth="1"/>
    <col min="15886" max="15886" width="10.58203125" style="27" customWidth="1"/>
    <col min="15887" max="15887" width="13" style="27" customWidth="1"/>
    <col min="15888" max="16128" width="9" style="27"/>
    <col min="16129" max="16129" width="7.58203125" style="27" customWidth="1"/>
    <col min="16130" max="16130" width="38.83203125" style="27" customWidth="1"/>
    <col min="16131" max="16131" width="19.75" style="27" customWidth="1"/>
    <col min="16132" max="16132" width="13" style="27" customWidth="1"/>
    <col min="16133" max="16137" width="14.33203125" style="27" customWidth="1"/>
    <col min="16138" max="16138" width="10.58203125" style="27" customWidth="1"/>
    <col min="16139" max="16139" width="13.33203125" style="27" customWidth="1"/>
    <col min="16140" max="16140" width="14.33203125" style="27" customWidth="1"/>
    <col min="16141" max="16141" width="10.33203125" style="27" customWidth="1"/>
    <col min="16142" max="16142" width="10.58203125" style="27" customWidth="1"/>
    <col min="16143" max="16143" width="13" style="27" customWidth="1"/>
    <col min="16144" max="16384" width="9" style="27"/>
  </cols>
  <sheetData>
    <row r="1" spans="1:78" s="29" customFormat="1">
      <c r="A1" s="652" t="s">
        <v>685</v>
      </c>
      <c r="B1" s="652"/>
      <c r="C1" s="6"/>
    </row>
    <row r="2" spans="1:78" s="29" customFormat="1"/>
    <row r="3" spans="1:78" s="29" customFormat="1" ht="13.15" customHeight="1">
      <c r="A3" s="229"/>
      <c r="B3" s="46" t="s">
        <v>185</v>
      </c>
    </row>
    <row r="4" spans="1:78">
      <c r="B4" s="28"/>
      <c r="H4" s="27"/>
      <c r="J4" s="27"/>
      <c r="K4" s="27"/>
      <c r="M4" s="27"/>
    </row>
    <row r="5" spans="1:78">
      <c r="A5" s="37"/>
      <c r="B5" s="490"/>
      <c r="C5" s="491"/>
      <c r="D5" s="492" t="s">
        <v>1</v>
      </c>
      <c r="E5" s="492" t="s">
        <v>2</v>
      </c>
      <c r="F5" s="492" t="s">
        <v>3</v>
      </c>
      <c r="G5" s="492" t="s">
        <v>9</v>
      </c>
      <c r="H5" s="493" t="s">
        <v>10</v>
      </c>
      <c r="I5" s="492" t="s">
        <v>11</v>
      </c>
      <c r="J5" s="493" t="s">
        <v>418</v>
      </c>
      <c r="K5" s="493" t="s">
        <v>419</v>
      </c>
      <c r="L5" s="492" t="s">
        <v>420</v>
      </c>
      <c r="M5" s="494" t="s">
        <v>422</v>
      </c>
      <c r="N5" s="492" t="s">
        <v>421</v>
      </c>
      <c r="O5" s="492" t="s">
        <v>423</v>
      </c>
    </row>
    <row r="6" spans="1:78" ht="53.5" customHeight="1">
      <c r="A6" s="37"/>
      <c r="B6" s="495" t="s">
        <v>693</v>
      </c>
      <c r="C6" s="496" t="s">
        <v>23</v>
      </c>
      <c r="D6" s="497" t="s">
        <v>26</v>
      </c>
      <c r="E6" s="497" t="s">
        <v>27</v>
      </c>
      <c r="F6" s="497" t="s">
        <v>170</v>
      </c>
      <c r="G6" s="497" t="s">
        <v>30</v>
      </c>
      <c r="H6" s="498" t="s">
        <v>171</v>
      </c>
      <c r="I6" s="497" t="s">
        <v>28</v>
      </c>
      <c r="J6" s="498" t="s">
        <v>172</v>
      </c>
      <c r="K6" s="498" t="s">
        <v>173</v>
      </c>
      <c r="L6" s="498" t="s">
        <v>445</v>
      </c>
      <c r="M6" s="496" t="s">
        <v>164</v>
      </c>
      <c r="N6" s="496" t="s">
        <v>29</v>
      </c>
      <c r="O6" s="496" t="s">
        <v>90</v>
      </c>
    </row>
    <row r="7" spans="1:78" s="29" customFormat="1">
      <c r="A7" s="37"/>
      <c r="B7" s="691" t="s">
        <v>174</v>
      </c>
      <c r="C7" s="683" t="s">
        <v>646</v>
      </c>
      <c r="D7" s="683">
        <v>427927.27522000001</v>
      </c>
      <c r="E7" s="683">
        <v>22855.710037000001</v>
      </c>
      <c r="F7" s="683">
        <v>71.95343199502851</v>
      </c>
      <c r="G7" s="683">
        <v>468231.17026799999</v>
      </c>
      <c r="H7" s="684">
        <v>5.2560000000000003E-3</v>
      </c>
      <c r="I7" s="683">
        <v>907</v>
      </c>
      <c r="J7" s="684">
        <v>44.730162999999997</v>
      </c>
      <c r="K7" s="684">
        <v>1.401831</v>
      </c>
      <c r="L7" s="683">
        <v>12458.365059</v>
      </c>
      <c r="M7" s="703">
        <v>2.6607295391866468</v>
      </c>
      <c r="N7" s="683">
        <v>10.862358</v>
      </c>
      <c r="O7" s="683" t="s">
        <v>560</v>
      </c>
      <c r="P7" s="41"/>
      <c r="Q7" s="27"/>
      <c r="R7" s="27"/>
      <c r="S7" s="27"/>
      <c r="T7" s="27"/>
      <c r="U7" s="27"/>
      <c r="V7" s="27"/>
      <c r="W7" s="27"/>
      <c r="X7" s="27"/>
      <c r="Y7" s="27"/>
      <c r="Z7" s="27"/>
      <c r="AA7" s="27"/>
      <c r="AB7" s="27"/>
      <c r="AC7" s="27"/>
      <c r="AD7" s="27"/>
      <c r="AE7" s="27"/>
      <c r="AF7" s="27"/>
      <c r="AG7" s="27"/>
      <c r="AH7" s="27"/>
      <c r="AI7" s="27"/>
      <c r="AJ7" s="27"/>
      <c r="AK7" s="27"/>
      <c r="AL7" s="27"/>
      <c r="AM7" s="27"/>
      <c r="AN7" s="27"/>
      <c r="AO7" s="27"/>
      <c r="AP7" s="27"/>
      <c r="AQ7" s="27"/>
      <c r="AR7" s="27"/>
      <c r="AS7" s="27"/>
      <c r="AT7" s="27"/>
      <c r="AU7" s="27"/>
      <c r="AV7" s="27"/>
      <c r="AW7" s="27"/>
      <c r="AX7" s="27"/>
      <c r="AY7" s="27"/>
      <c r="AZ7" s="27"/>
      <c r="BA7" s="27"/>
      <c r="BB7" s="27"/>
      <c r="BC7" s="27"/>
      <c r="BD7" s="27"/>
      <c r="BE7" s="27"/>
      <c r="BF7" s="27"/>
      <c r="BG7" s="27"/>
      <c r="BH7" s="27"/>
      <c r="BI7" s="27"/>
      <c r="BJ7" s="27"/>
      <c r="BK7" s="27"/>
      <c r="BL7" s="27"/>
      <c r="BM7" s="27"/>
      <c r="BN7" s="27"/>
      <c r="BO7" s="27"/>
      <c r="BP7" s="27"/>
      <c r="BQ7" s="27"/>
      <c r="BR7" s="27"/>
      <c r="BS7" s="27"/>
      <c r="BT7" s="27"/>
      <c r="BU7" s="27"/>
      <c r="BV7" s="27"/>
      <c r="BW7" s="27"/>
      <c r="BX7" s="27"/>
      <c r="BY7" s="27"/>
      <c r="BZ7" s="27"/>
    </row>
    <row r="8" spans="1:78" s="29" customFormat="1" ht="13.5" customHeight="1">
      <c r="A8" s="37"/>
      <c r="B8" s="691"/>
      <c r="C8" s="683" t="s">
        <v>647</v>
      </c>
      <c r="D8" s="683">
        <v>731.40283699999998</v>
      </c>
      <c r="E8" s="683">
        <v>1073.3144649999999</v>
      </c>
      <c r="F8" s="683">
        <v>74.999999000000003</v>
      </c>
      <c r="G8" s="683">
        <v>1536.388686</v>
      </c>
      <c r="H8" s="684">
        <v>0.194828</v>
      </c>
      <c r="I8" s="683">
        <v>30</v>
      </c>
      <c r="J8" s="684">
        <v>44.465947999999997</v>
      </c>
      <c r="K8" s="684">
        <v>2.5</v>
      </c>
      <c r="L8" s="683">
        <v>694.00197900000001</v>
      </c>
      <c r="M8" s="703">
        <v>45.170989953514926</v>
      </c>
      <c r="N8" s="683">
        <v>1.3300320000000001</v>
      </c>
      <c r="O8" s="683" t="s">
        <v>560</v>
      </c>
      <c r="P8" s="41"/>
      <c r="Q8" s="27"/>
      <c r="R8" s="27"/>
      <c r="S8" s="27"/>
      <c r="T8" s="27"/>
      <c r="U8" s="27"/>
      <c r="V8" s="27"/>
      <c r="W8" s="27"/>
      <c r="X8" s="27"/>
      <c r="Y8" s="27"/>
      <c r="Z8" s="27"/>
      <c r="AA8" s="27"/>
      <c r="AB8" s="27"/>
      <c r="AC8" s="27"/>
      <c r="AD8" s="27"/>
      <c r="AE8" s="27"/>
      <c r="AF8" s="27"/>
      <c r="AG8" s="27"/>
      <c r="AH8" s="27"/>
      <c r="AI8" s="27"/>
      <c r="AJ8" s="27"/>
      <c r="AK8" s="27"/>
      <c r="AL8" s="27"/>
      <c r="AM8" s="27"/>
      <c r="AN8" s="27"/>
      <c r="AO8" s="27"/>
      <c r="AP8" s="27"/>
      <c r="AQ8" s="27"/>
      <c r="AR8" s="27"/>
      <c r="AS8" s="27"/>
      <c r="AT8" s="27"/>
      <c r="AU8" s="27"/>
      <c r="AV8" s="27"/>
      <c r="AW8" s="27"/>
      <c r="AX8" s="27"/>
      <c r="AY8" s="27"/>
      <c r="AZ8" s="27"/>
      <c r="BA8" s="27"/>
      <c r="BB8" s="27"/>
      <c r="BC8" s="27"/>
      <c r="BD8" s="27"/>
      <c r="BE8" s="27"/>
      <c r="BF8" s="27"/>
      <c r="BG8" s="27"/>
      <c r="BH8" s="27"/>
      <c r="BI8" s="27"/>
      <c r="BJ8" s="27"/>
      <c r="BK8" s="27"/>
      <c r="BL8" s="27"/>
      <c r="BM8" s="27"/>
      <c r="BN8" s="27"/>
      <c r="BO8" s="27"/>
      <c r="BP8" s="27"/>
      <c r="BQ8" s="27"/>
      <c r="BR8" s="27"/>
      <c r="BS8" s="27"/>
      <c r="BT8" s="27"/>
      <c r="BU8" s="27"/>
      <c r="BV8" s="27"/>
      <c r="BW8" s="27"/>
      <c r="BX8" s="27"/>
      <c r="BY8" s="27"/>
      <c r="BZ8" s="27"/>
    </row>
    <row r="9" spans="1:78" s="29" customFormat="1" ht="13.5" customHeight="1">
      <c r="A9" s="37"/>
      <c r="B9" s="691"/>
      <c r="C9" s="683" t="s">
        <v>648</v>
      </c>
      <c r="D9" s="683">
        <v>202.50416899999999</v>
      </c>
      <c r="E9" s="683">
        <v>0.77210299999999998</v>
      </c>
      <c r="F9" s="683">
        <v>71.329083999999995</v>
      </c>
      <c r="G9" s="683">
        <v>158.90326899999999</v>
      </c>
      <c r="H9" s="684">
        <v>0.31404100000000001</v>
      </c>
      <c r="I9" s="683">
        <v>30</v>
      </c>
      <c r="J9" s="684">
        <v>39.713864999999998</v>
      </c>
      <c r="K9" s="684">
        <v>2.5</v>
      </c>
      <c r="L9" s="683">
        <v>82.656730999999994</v>
      </c>
      <c r="M9" s="703">
        <v>52.017011053435283</v>
      </c>
      <c r="N9" s="683">
        <v>0.19817299999999999</v>
      </c>
      <c r="O9" s="683" t="s">
        <v>560</v>
      </c>
      <c r="P9" s="41"/>
      <c r="Q9" s="27"/>
      <c r="R9" s="27"/>
      <c r="S9" s="27"/>
      <c r="T9" s="27"/>
      <c r="U9" s="27"/>
      <c r="V9" s="27"/>
      <c r="W9" s="27"/>
      <c r="X9" s="27"/>
      <c r="Y9" s="27"/>
      <c r="Z9" s="27"/>
      <c r="AA9" s="27"/>
      <c r="AB9" s="27"/>
      <c r="AC9" s="27"/>
      <c r="AD9" s="27"/>
      <c r="AE9" s="27"/>
      <c r="AF9" s="27"/>
      <c r="AG9" s="27"/>
      <c r="AH9" s="27"/>
      <c r="AI9" s="27"/>
      <c r="AJ9" s="27"/>
      <c r="AK9" s="27"/>
      <c r="AL9" s="27"/>
      <c r="AM9" s="27"/>
      <c r="AN9" s="27"/>
      <c r="AO9" s="27"/>
      <c r="AP9" s="27"/>
      <c r="AQ9" s="27"/>
      <c r="AR9" s="27"/>
      <c r="AS9" s="27"/>
      <c r="AT9" s="27"/>
      <c r="AU9" s="27"/>
      <c r="AV9" s="27"/>
      <c r="AW9" s="27"/>
      <c r="AX9" s="27"/>
      <c r="AY9" s="27"/>
      <c r="AZ9" s="27"/>
      <c r="BA9" s="27"/>
      <c r="BB9" s="27"/>
      <c r="BC9" s="27"/>
      <c r="BD9" s="27"/>
      <c r="BE9" s="27"/>
      <c r="BF9" s="27"/>
      <c r="BG9" s="27"/>
      <c r="BH9" s="27"/>
      <c r="BI9" s="27"/>
      <c r="BJ9" s="27"/>
      <c r="BK9" s="27"/>
      <c r="BL9" s="27"/>
      <c r="BM9" s="27"/>
      <c r="BN9" s="27"/>
      <c r="BO9" s="27"/>
      <c r="BP9" s="27"/>
      <c r="BQ9" s="27"/>
      <c r="BR9" s="27"/>
      <c r="BS9" s="27"/>
      <c r="BT9" s="27"/>
      <c r="BU9" s="27"/>
      <c r="BV9" s="27"/>
      <c r="BW9" s="27"/>
      <c r="BX9" s="27"/>
      <c r="BY9" s="27"/>
      <c r="BZ9" s="27"/>
    </row>
    <row r="10" spans="1:78" s="29" customFormat="1" ht="13.5" customHeight="1">
      <c r="A10" s="37"/>
      <c r="B10" s="682"/>
      <c r="C10" s="686" t="s">
        <v>649</v>
      </c>
      <c r="D10" s="683"/>
      <c r="E10" s="683"/>
      <c r="F10" s="683"/>
      <c r="G10" s="683"/>
      <c r="H10" s="684"/>
      <c r="I10" s="683"/>
      <c r="J10" s="684"/>
      <c r="K10" s="684"/>
      <c r="L10" s="683"/>
      <c r="M10" s="703"/>
      <c r="N10" s="683"/>
      <c r="O10" s="683"/>
      <c r="P10" s="41"/>
      <c r="Q10" s="27"/>
      <c r="R10" s="27"/>
      <c r="S10" s="27"/>
      <c r="T10" s="27"/>
      <c r="U10" s="27"/>
      <c r="V10" s="27"/>
      <c r="W10" s="27"/>
      <c r="X10" s="27"/>
      <c r="Y10" s="27"/>
      <c r="Z10" s="27"/>
      <c r="AA10" s="27"/>
      <c r="AB10" s="27"/>
      <c r="AC10" s="27"/>
      <c r="AD10" s="27"/>
      <c r="AE10" s="27"/>
      <c r="AF10" s="27"/>
      <c r="AG10" s="27"/>
      <c r="AH10" s="27"/>
      <c r="AI10" s="27"/>
      <c r="AJ10" s="27"/>
      <c r="AK10" s="27"/>
      <c r="AL10" s="27"/>
      <c r="AM10" s="27"/>
      <c r="AN10" s="27"/>
      <c r="AO10" s="27"/>
      <c r="AP10" s="27"/>
      <c r="AQ10" s="27"/>
      <c r="AR10" s="27"/>
      <c r="AS10" s="27"/>
      <c r="AT10" s="27"/>
      <c r="AU10" s="27"/>
      <c r="AV10" s="27"/>
      <c r="AW10" s="27"/>
      <c r="AX10" s="27"/>
      <c r="AY10" s="27"/>
      <c r="AZ10" s="27"/>
      <c r="BA10" s="27"/>
      <c r="BB10" s="27"/>
      <c r="BC10" s="27"/>
      <c r="BD10" s="27"/>
      <c r="BE10" s="27"/>
      <c r="BF10" s="27"/>
      <c r="BG10" s="27"/>
      <c r="BH10" s="27"/>
      <c r="BI10" s="27"/>
      <c r="BJ10" s="27"/>
      <c r="BK10" s="27"/>
      <c r="BL10" s="27"/>
      <c r="BM10" s="27"/>
      <c r="BN10" s="27"/>
      <c r="BO10" s="27"/>
      <c r="BP10" s="27"/>
      <c r="BQ10" s="27"/>
      <c r="BR10" s="27"/>
      <c r="BS10" s="27"/>
      <c r="BT10" s="27"/>
      <c r="BU10" s="27"/>
      <c r="BV10" s="27"/>
      <c r="BW10" s="27"/>
      <c r="BX10" s="27"/>
      <c r="BY10" s="27"/>
      <c r="BZ10" s="27"/>
    </row>
    <row r="11" spans="1:78" s="29" customFormat="1" ht="13.5" customHeight="1">
      <c r="A11" s="37"/>
      <c r="B11" s="682"/>
      <c r="C11" s="686" t="s">
        <v>650</v>
      </c>
      <c r="D11" s="683">
        <v>37.7866</v>
      </c>
      <c r="E11" s="683">
        <v>0.96882800000000002</v>
      </c>
      <c r="F11" s="683">
        <v>73.442859999999996</v>
      </c>
      <c r="G11" s="683">
        <v>38.498136000000002</v>
      </c>
      <c r="H11" s="684">
        <v>1.04891</v>
      </c>
      <c r="I11" s="683">
        <v>20</v>
      </c>
      <c r="J11" s="684">
        <v>40.182116999999998</v>
      </c>
      <c r="K11" s="684">
        <v>2.5</v>
      </c>
      <c r="L11" s="683">
        <v>34.068221999999999</v>
      </c>
      <c r="M11" s="703">
        <v>88.493172760364288</v>
      </c>
      <c r="N11" s="683">
        <v>0.16361899999999999</v>
      </c>
      <c r="O11" s="683" t="s">
        <v>560</v>
      </c>
      <c r="P11" s="41"/>
      <c r="Q11" s="27"/>
      <c r="R11" s="27"/>
      <c r="S11" s="27"/>
      <c r="T11" s="27"/>
      <c r="U11" s="27"/>
      <c r="V11" s="27"/>
      <c r="W11" s="27"/>
      <c r="X11" s="27"/>
      <c r="Y11" s="27"/>
      <c r="Z11" s="27"/>
      <c r="AA11" s="27"/>
      <c r="AB11" s="27"/>
      <c r="AC11" s="27"/>
      <c r="AD11" s="27"/>
      <c r="AE11" s="27"/>
      <c r="AF11" s="27"/>
      <c r="AG11" s="27"/>
      <c r="AH11" s="27"/>
      <c r="AI11" s="27"/>
      <c r="AJ11" s="27"/>
      <c r="AK11" s="27"/>
      <c r="AL11" s="27"/>
      <c r="AM11" s="27"/>
      <c r="AN11" s="27"/>
      <c r="AO11" s="27"/>
      <c r="AP11" s="27"/>
      <c r="AQ11" s="27"/>
      <c r="AR11" s="27"/>
      <c r="AS11" s="27"/>
      <c r="AT11" s="27"/>
      <c r="AU11" s="27"/>
      <c r="AV11" s="27"/>
      <c r="AW11" s="27"/>
      <c r="AX11" s="27"/>
      <c r="AY11" s="27"/>
      <c r="AZ11" s="27"/>
      <c r="BA11" s="27"/>
      <c r="BB11" s="27"/>
      <c r="BC11" s="27"/>
      <c r="BD11" s="27"/>
      <c r="BE11" s="27"/>
      <c r="BF11" s="27"/>
      <c r="BG11" s="27"/>
      <c r="BH11" s="27"/>
      <c r="BI11" s="27"/>
      <c r="BJ11" s="27"/>
      <c r="BK11" s="27"/>
      <c r="BL11" s="27"/>
      <c r="BM11" s="27"/>
      <c r="BN11" s="27"/>
      <c r="BO11" s="27"/>
      <c r="BP11" s="27"/>
      <c r="BQ11" s="27"/>
      <c r="BR11" s="27"/>
      <c r="BS11" s="27"/>
      <c r="BT11" s="27"/>
      <c r="BU11" s="27"/>
      <c r="BV11" s="27"/>
      <c r="BW11" s="27"/>
      <c r="BX11" s="27"/>
      <c r="BY11" s="27"/>
      <c r="BZ11" s="27"/>
    </row>
    <row r="12" spans="1:78" s="29" customFormat="1" ht="13.5" customHeight="1">
      <c r="A12" s="37"/>
      <c r="B12" s="682"/>
      <c r="C12" s="686" t="s">
        <v>651</v>
      </c>
      <c r="D12" s="683">
        <v>43.133909000000003</v>
      </c>
      <c r="E12" s="683"/>
      <c r="F12" s="683"/>
      <c r="G12" s="683">
        <v>0.70203300000000002</v>
      </c>
      <c r="H12" s="684">
        <v>4.1309180000000003</v>
      </c>
      <c r="I12" s="683">
        <v>10</v>
      </c>
      <c r="J12" s="684">
        <v>45</v>
      </c>
      <c r="K12" s="684">
        <v>2.5</v>
      </c>
      <c r="L12" s="683">
        <v>1.0465549999999999</v>
      </c>
      <c r="M12" s="703">
        <v>149.07490103741563</v>
      </c>
      <c r="N12" s="683">
        <v>1.3050000000000001E-2</v>
      </c>
      <c r="O12" s="683" t="s">
        <v>560</v>
      </c>
      <c r="P12" s="41"/>
      <c r="Q12" s="27"/>
      <c r="R12" s="27"/>
      <c r="S12" s="27"/>
      <c r="T12" s="27"/>
      <c r="U12" s="27"/>
      <c r="V12" s="27"/>
      <c r="W12" s="27"/>
      <c r="X12" s="27"/>
      <c r="Y12" s="27"/>
      <c r="Z12" s="27"/>
      <c r="AA12" s="27"/>
      <c r="AB12" s="27"/>
      <c r="AC12" s="27"/>
      <c r="AD12" s="27"/>
      <c r="AE12" s="27"/>
      <c r="AF12" s="27"/>
      <c r="AG12" s="27"/>
      <c r="AH12" s="27"/>
      <c r="AI12" s="27"/>
      <c r="AJ12" s="27"/>
      <c r="AK12" s="27"/>
      <c r="AL12" s="27"/>
      <c r="AM12" s="27"/>
      <c r="AN12" s="27"/>
      <c r="AO12" s="27"/>
      <c r="AP12" s="27"/>
      <c r="AQ12" s="27"/>
      <c r="AR12" s="27"/>
      <c r="AS12" s="27"/>
      <c r="AT12" s="27"/>
      <c r="AU12" s="27"/>
      <c r="AV12" s="27"/>
      <c r="AW12" s="27"/>
      <c r="AX12" s="27"/>
      <c r="AY12" s="27"/>
      <c r="AZ12" s="27"/>
      <c r="BA12" s="27"/>
      <c r="BB12" s="27"/>
      <c r="BC12" s="27"/>
      <c r="BD12" s="27"/>
      <c r="BE12" s="27"/>
      <c r="BF12" s="27"/>
      <c r="BG12" s="27"/>
      <c r="BH12" s="27"/>
      <c r="BI12" s="27"/>
      <c r="BJ12" s="27"/>
      <c r="BK12" s="27"/>
      <c r="BL12" s="27"/>
      <c r="BM12" s="27"/>
      <c r="BN12" s="27"/>
      <c r="BO12" s="27"/>
      <c r="BP12" s="27"/>
      <c r="BQ12" s="27"/>
      <c r="BR12" s="27"/>
      <c r="BS12" s="27"/>
      <c r="BT12" s="27"/>
      <c r="BU12" s="27"/>
      <c r="BV12" s="27"/>
      <c r="BW12" s="27"/>
      <c r="BX12" s="27"/>
      <c r="BY12" s="27"/>
      <c r="BZ12" s="27"/>
    </row>
    <row r="13" spans="1:78" s="29" customFormat="1" ht="13.5" customHeight="1">
      <c r="A13" s="37"/>
      <c r="B13" s="704"/>
      <c r="C13" s="686" t="s">
        <v>652</v>
      </c>
      <c r="D13" s="683">
        <v>4.1492610000000001</v>
      </c>
      <c r="E13" s="683">
        <v>0.27492499999999997</v>
      </c>
      <c r="F13" s="683">
        <v>49.999817999999998</v>
      </c>
      <c r="G13" s="683">
        <v>4.2867240000000004</v>
      </c>
      <c r="H13" s="684">
        <v>11.355510000000001</v>
      </c>
      <c r="I13" s="683">
        <v>12</v>
      </c>
      <c r="J13" s="684">
        <v>45</v>
      </c>
      <c r="K13" s="684">
        <v>2.5</v>
      </c>
      <c r="L13" s="683">
        <v>9.1495759999999997</v>
      </c>
      <c r="M13" s="703">
        <v>213.43982024501693</v>
      </c>
      <c r="N13" s="683">
        <v>0.21904999999999999</v>
      </c>
      <c r="O13" s="683" t="s">
        <v>560</v>
      </c>
      <c r="P13" s="41"/>
      <c r="Q13" s="27"/>
      <c r="R13" s="27"/>
      <c r="S13" s="27"/>
      <c r="T13" s="27"/>
      <c r="U13" s="27"/>
      <c r="V13" s="27"/>
      <c r="W13" s="27"/>
      <c r="X13" s="27"/>
      <c r="Y13" s="27"/>
      <c r="Z13" s="27"/>
      <c r="AA13" s="27"/>
      <c r="AB13" s="27"/>
      <c r="AC13" s="27"/>
      <c r="AD13" s="27"/>
      <c r="AE13" s="27"/>
      <c r="AF13" s="27"/>
      <c r="AG13" s="27"/>
      <c r="AH13" s="27"/>
      <c r="AI13" s="27"/>
      <c r="AJ13" s="27"/>
      <c r="AK13" s="27"/>
      <c r="AL13" s="27"/>
      <c r="AM13" s="27"/>
      <c r="AN13" s="27"/>
      <c r="AO13" s="27"/>
      <c r="AP13" s="27"/>
      <c r="AQ13" s="27"/>
      <c r="AR13" s="27"/>
      <c r="AS13" s="27"/>
      <c r="AT13" s="27"/>
      <c r="AU13" s="27"/>
      <c r="AV13" s="27"/>
      <c r="AW13" s="27"/>
      <c r="AX13" s="27"/>
      <c r="AY13" s="27"/>
      <c r="AZ13" s="27"/>
      <c r="BA13" s="27"/>
      <c r="BB13" s="27"/>
      <c r="BC13" s="27"/>
      <c r="BD13" s="27"/>
      <c r="BE13" s="27"/>
      <c r="BF13" s="27"/>
      <c r="BG13" s="27"/>
      <c r="BH13" s="27"/>
      <c r="BI13" s="27"/>
      <c r="BJ13" s="27"/>
      <c r="BK13" s="27"/>
      <c r="BL13" s="27"/>
      <c r="BM13" s="27"/>
      <c r="BN13" s="27"/>
      <c r="BO13" s="27"/>
      <c r="BP13" s="27"/>
      <c r="BQ13" s="27"/>
      <c r="BR13" s="27"/>
      <c r="BS13" s="27"/>
      <c r="BT13" s="27"/>
      <c r="BU13" s="27"/>
      <c r="BV13" s="27"/>
      <c r="BW13" s="27"/>
      <c r="BX13" s="27"/>
      <c r="BY13" s="27"/>
      <c r="BZ13" s="27"/>
    </row>
    <row r="14" spans="1:78" s="29" customFormat="1" ht="13.5" customHeight="1">
      <c r="A14" s="37"/>
      <c r="B14" s="705"/>
      <c r="C14" s="687" t="s">
        <v>653</v>
      </c>
      <c r="D14" s="688"/>
      <c r="E14" s="688">
        <v>6.3174999999999995E-2</v>
      </c>
      <c r="F14" s="688">
        <v>49.999208000000003</v>
      </c>
      <c r="G14" s="688">
        <v>3.1586999999999997E-2</v>
      </c>
      <c r="H14" s="689">
        <v>100</v>
      </c>
      <c r="I14" s="688">
        <v>1</v>
      </c>
      <c r="J14" s="689">
        <v>45</v>
      </c>
      <c r="K14" s="689">
        <v>2.5</v>
      </c>
      <c r="L14" s="688">
        <v>0</v>
      </c>
      <c r="M14" s="706">
        <v>0</v>
      </c>
      <c r="N14" s="688">
        <v>1.4213999999999999E-2</v>
      </c>
      <c r="O14" s="688" t="s">
        <v>560</v>
      </c>
      <c r="P14" s="308"/>
      <c r="Q14" s="27"/>
      <c r="R14" s="27"/>
      <c r="S14" s="27"/>
      <c r="T14" s="27"/>
      <c r="U14" s="27"/>
      <c r="V14" s="27"/>
      <c r="W14" s="27"/>
      <c r="X14" s="27"/>
      <c r="Y14" s="27"/>
      <c r="Z14" s="27"/>
      <c r="AA14" s="27"/>
      <c r="AB14" s="27"/>
      <c r="AC14" s="27"/>
      <c r="AD14" s="27"/>
      <c r="AE14" s="27"/>
      <c r="AF14" s="27"/>
      <c r="AG14" s="27"/>
      <c r="AH14" s="27"/>
      <c r="AI14" s="27"/>
      <c r="AJ14" s="27"/>
      <c r="AK14" s="27"/>
      <c r="AL14" s="27"/>
      <c r="AM14" s="27"/>
      <c r="AN14" s="27"/>
      <c r="AO14" s="27"/>
      <c r="AP14" s="27"/>
      <c r="AQ14" s="27"/>
      <c r="AR14" s="27"/>
      <c r="AS14" s="27"/>
      <c r="AT14" s="27"/>
      <c r="AU14" s="27"/>
      <c r="AV14" s="27"/>
      <c r="AW14" s="27"/>
      <c r="AX14" s="27"/>
      <c r="AY14" s="27"/>
      <c r="AZ14" s="27"/>
      <c r="BA14" s="27"/>
      <c r="BB14" s="27"/>
      <c r="BC14" s="27"/>
      <c r="BD14" s="27"/>
      <c r="BE14" s="27"/>
      <c r="BF14" s="27"/>
      <c r="BG14" s="27"/>
      <c r="BH14" s="27"/>
      <c r="BI14" s="27"/>
      <c r="BJ14" s="27"/>
      <c r="BK14" s="27"/>
      <c r="BL14" s="27"/>
      <c r="BM14" s="27"/>
      <c r="BN14" s="27"/>
      <c r="BO14" s="27"/>
      <c r="BP14" s="27"/>
      <c r="BQ14" s="27"/>
      <c r="BR14" s="27"/>
      <c r="BS14" s="27"/>
      <c r="BT14" s="27"/>
      <c r="BU14" s="27"/>
      <c r="BV14" s="27"/>
      <c r="BW14" s="27"/>
      <c r="BX14" s="27"/>
      <c r="BY14" s="27"/>
      <c r="BZ14" s="27"/>
    </row>
    <row r="15" spans="1:78" s="29" customFormat="1" ht="13.5" customHeight="1">
      <c r="A15" s="37"/>
      <c r="B15" s="691" t="s">
        <v>25</v>
      </c>
      <c r="C15" s="681"/>
      <c r="D15" s="692">
        <v>428946.25199600001</v>
      </c>
      <c r="E15" s="692">
        <v>23931.103533000001</v>
      </c>
      <c r="F15" s="692">
        <v>72.089801134886201</v>
      </c>
      <c r="G15" s="692">
        <v>469969.98070299998</v>
      </c>
      <c r="H15" s="693">
        <v>6.182042650545388E-3</v>
      </c>
      <c r="I15" s="692">
        <v>1010</v>
      </c>
      <c r="J15" s="693">
        <v>44.727233494366537</v>
      </c>
      <c r="K15" s="693">
        <v>1.405894041885648</v>
      </c>
      <c r="L15" s="692">
        <v>13279.288122</v>
      </c>
      <c r="M15" s="693">
        <v>2.8255609224521758</v>
      </c>
      <c r="N15" s="692">
        <v>12.800496000000001</v>
      </c>
      <c r="O15" s="692">
        <v>1.5228710000000001</v>
      </c>
      <c r="P15" s="41"/>
      <c r="Q15" s="284"/>
      <c r="R15" s="27"/>
      <c r="S15" s="27"/>
      <c r="T15" s="27"/>
      <c r="U15" s="27"/>
      <c r="V15" s="27"/>
      <c r="W15" s="27"/>
      <c r="X15" s="27"/>
      <c r="Y15" s="27"/>
      <c r="Z15" s="27"/>
      <c r="AA15" s="27"/>
      <c r="AB15" s="27"/>
      <c r="AC15" s="27"/>
      <c r="AD15" s="27"/>
      <c r="AE15" s="27"/>
      <c r="AF15" s="27"/>
      <c r="AG15" s="27"/>
      <c r="AH15" s="27"/>
      <c r="AI15" s="27"/>
      <c r="AJ15" s="27"/>
      <c r="AK15" s="27"/>
      <c r="AL15" s="27"/>
      <c r="AM15" s="27"/>
      <c r="AN15" s="27"/>
      <c r="AO15" s="27"/>
      <c r="AP15" s="27"/>
      <c r="AQ15" s="27"/>
      <c r="AR15" s="27"/>
      <c r="AS15" s="27"/>
      <c r="AT15" s="27"/>
      <c r="AU15" s="27"/>
      <c r="AV15" s="27"/>
      <c r="AW15" s="27"/>
      <c r="AX15" s="27"/>
      <c r="AY15" s="27"/>
      <c r="AZ15" s="27"/>
      <c r="BA15" s="27"/>
      <c r="BB15" s="27"/>
      <c r="BC15" s="27"/>
      <c r="BD15" s="27"/>
      <c r="BE15" s="27"/>
      <c r="BF15" s="27"/>
      <c r="BG15" s="27"/>
      <c r="BH15" s="27"/>
      <c r="BI15" s="27"/>
      <c r="BJ15" s="27"/>
      <c r="BK15" s="27"/>
      <c r="BL15" s="27"/>
      <c r="BM15" s="27"/>
      <c r="BN15" s="27"/>
      <c r="BO15" s="27"/>
      <c r="BP15" s="27"/>
      <c r="BQ15" s="27"/>
      <c r="BR15" s="27"/>
      <c r="BS15" s="27"/>
      <c r="BT15" s="27"/>
      <c r="BU15" s="27"/>
      <c r="BV15" s="27"/>
      <c r="BW15" s="27"/>
      <c r="BX15" s="27"/>
      <c r="BY15" s="27"/>
      <c r="BZ15" s="27"/>
    </row>
    <row r="16" spans="1:78" s="46" customFormat="1" ht="13.5" customHeight="1">
      <c r="A16" s="60"/>
      <c r="B16" s="682"/>
      <c r="C16" s="681"/>
      <c r="D16" s="695"/>
      <c r="E16" s="695"/>
      <c r="F16" s="695"/>
      <c r="G16" s="695"/>
      <c r="H16" s="697"/>
      <c r="I16" s="695"/>
      <c r="J16" s="697"/>
      <c r="K16" s="697"/>
      <c r="L16" s="707"/>
      <c r="M16" s="697"/>
      <c r="N16" s="695"/>
      <c r="O16" s="695"/>
      <c r="Q16" s="27"/>
      <c r="R16" s="27"/>
      <c r="S16" s="27"/>
      <c r="T16" s="27"/>
      <c r="U16" s="27"/>
      <c r="V16" s="27"/>
      <c r="W16" s="27"/>
      <c r="X16" s="27"/>
      <c r="Y16" s="27"/>
      <c r="Z16" s="27"/>
      <c r="AA16" s="27"/>
      <c r="AB16" s="27"/>
      <c r="AC16" s="27"/>
      <c r="AD16" s="27"/>
      <c r="AE16" s="27"/>
      <c r="AF16" s="27"/>
      <c r="AG16" s="27"/>
      <c r="AH16" s="27"/>
      <c r="AI16" s="27"/>
      <c r="AJ16" s="27"/>
      <c r="AK16" s="27"/>
      <c r="AL16" s="27"/>
      <c r="AM16" s="27"/>
      <c r="AN16" s="27"/>
      <c r="AO16" s="27"/>
      <c r="AP16" s="27"/>
      <c r="AQ16" s="27"/>
      <c r="AR16" s="27"/>
      <c r="AS16" s="27"/>
      <c r="AT16" s="27"/>
      <c r="AU16" s="27"/>
      <c r="AV16" s="27"/>
      <c r="AW16" s="27"/>
      <c r="AX16" s="27"/>
      <c r="AY16" s="27"/>
      <c r="AZ16" s="27"/>
      <c r="BA16" s="27"/>
      <c r="BB16" s="27"/>
      <c r="BC16" s="27"/>
      <c r="BD16" s="27"/>
      <c r="BE16" s="27"/>
      <c r="BF16" s="27"/>
      <c r="BG16" s="27"/>
      <c r="BH16" s="27"/>
      <c r="BI16" s="27"/>
      <c r="BJ16" s="27"/>
      <c r="BK16" s="27"/>
      <c r="BL16" s="27"/>
      <c r="BM16" s="27"/>
      <c r="BN16" s="27"/>
      <c r="BO16" s="27"/>
      <c r="BP16" s="27"/>
      <c r="BQ16" s="27"/>
      <c r="BR16" s="27"/>
      <c r="BS16" s="27"/>
      <c r="BT16" s="27"/>
      <c r="BU16" s="27"/>
      <c r="BV16" s="27"/>
      <c r="BW16" s="27"/>
      <c r="BX16" s="27"/>
      <c r="BY16" s="27"/>
      <c r="BZ16" s="27"/>
    </row>
    <row r="17" spans="1:78">
      <c r="A17" s="37"/>
      <c r="B17" s="691" t="s">
        <v>175</v>
      </c>
      <c r="C17" s="683" t="s">
        <v>646</v>
      </c>
      <c r="D17" s="683">
        <v>50973.485028000003</v>
      </c>
      <c r="E17" s="683">
        <v>63671.776521</v>
      </c>
      <c r="F17" s="683">
        <v>62.011108</v>
      </c>
      <c r="G17" s="683">
        <v>85483.846202999994</v>
      </c>
      <c r="H17" s="684">
        <v>6.2425000000000001E-2</v>
      </c>
      <c r="I17" s="683">
        <v>581</v>
      </c>
      <c r="J17" s="684">
        <v>39.050744000000002</v>
      </c>
      <c r="K17" s="684">
        <v>2.5</v>
      </c>
      <c r="L17" s="683">
        <v>16516.970193000001</v>
      </c>
      <c r="M17" s="703">
        <v>19.321744313863533</v>
      </c>
      <c r="N17" s="683">
        <v>19.805736</v>
      </c>
      <c r="O17" s="683" t="s">
        <v>560</v>
      </c>
      <c r="P17" s="41"/>
    </row>
    <row r="18" spans="1:78" s="29" customFormat="1" ht="13.5" customHeight="1">
      <c r="A18" s="37"/>
      <c r="B18" s="682"/>
      <c r="C18" s="686" t="s">
        <v>647</v>
      </c>
      <c r="D18" s="683">
        <v>31494.072553000002</v>
      </c>
      <c r="E18" s="683">
        <v>34892.011917000003</v>
      </c>
      <c r="F18" s="683">
        <v>63.49906</v>
      </c>
      <c r="G18" s="683">
        <v>53169.809713000002</v>
      </c>
      <c r="H18" s="684">
        <v>0.194797</v>
      </c>
      <c r="I18" s="683">
        <v>1007</v>
      </c>
      <c r="J18" s="684">
        <v>36.330277000000002</v>
      </c>
      <c r="K18" s="684">
        <v>2.5</v>
      </c>
      <c r="L18" s="683">
        <v>18961.053148999999</v>
      </c>
      <c r="M18" s="703">
        <v>35.661314665875189</v>
      </c>
      <c r="N18" s="683">
        <v>37.432772</v>
      </c>
      <c r="O18" s="683" t="s">
        <v>560</v>
      </c>
      <c r="P18" s="41"/>
      <c r="Q18" s="27"/>
      <c r="R18" s="27"/>
      <c r="S18" s="27"/>
      <c r="T18" s="27"/>
      <c r="U18" s="27"/>
      <c r="V18" s="27"/>
      <c r="W18" s="27"/>
      <c r="X18" s="27"/>
      <c r="Y18" s="27"/>
      <c r="Z18" s="27"/>
      <c r="AA18" s="27"/>
      <c r="AB18" s="27"/>
      <c r="AC18" s="27"/>
      <c r="AD18" s="27"/>
      <c r="AE18" s="27"/>
      <c r="AF18" s="27"/>
      <c r="AG18" s="27"/>
      <c r="AH18" s="27"/>
      <c r="AI18" s="27"/>
      <c r="AJ18" s="27"/>
      <c r="AK18" s="27"/>
      <c r="AL18" s="27"/>
      <c r="AM18" s="27"/>
      <c r="AN18" s="27"/>
      <c r="AO18" s="27"/>
      <c r="AP18" s="27"/>
      <c r="AQ18" s="27"/>
      <c r="AR18" s="27"/>
      <c r="AS18" s="27"/>
      <c r="AT18" s="27"/>
      <c r="AU18" s="27"/>
      <c r="AV18" s="27"/>
      <c r="AW18" s="27"/>
      <c r="AX18" s="27"/>
      <c r="AY18" s="27"/>
      <c r="AZ18" s="27"/>
      <c r="BA18" s="27"/>
      <c r="BB18" s="27"/>
      <c r="BC18" s="27"/>
      <c r="BD18" s="27"/>
      <c r="BE18" s="27"/>
      <c r="BF18" s="27"/>
      <c r="BG18" s="27"/>
      <c r="BH18" s="27"/>
      <c r="BI18" s="27"/>
      <c r="BJ18" s="27"/>
      <c r="BK18" s="27"/>
      <c r="BL18" s="27"/>
      <c r="BM18" s="27"/>
      <c r="BN18" s="27"/>
      <c r="BO18" s="27"/>
      <c r="BP18" s="27"/>
      <c r="BQ18" s="27"/>
      <c r="BR18" s="27"/>
      <c r="BS18" s="27"/>
      <c r="BT18" s="27"/>
      <c r="BU18" s="27"/>
      <c r="BV18" s="27"/>
      <c r="BW18" s="27"/>
      <c r="BX18" s="27"/>
      <c r="BY18" s="27"/>
      <c r="BZ18" s="27"/>
    </row>
    <row r="19" spans="1:78" s="29" customFormat="1" ht="13.5" customHeight="1">
      <c r="A19" s="37"/>
      <c r="B19" s="682"/>
      <c r="C19" s="686" t="s">
        <v>648</v>
      </c>
      <c r="D19" s="683">
        <v>30314.959365999999</v>
      </c>
      <c r="E19" s="683">
        <v>11650.488421</v>
      </c>
      <c r="F19" s="683">
        <v>63.528682000000003</v>
      </c>
      <c r="G19" s="683">
        <v>37827.746772999999</v>
      </c>
      <c r="H19" s="684">
        <v>0.35781600000000002</v>
      </c>
      <c r="I19" s="683">
        <v>1321</v>
      </c>
      <c r="J19" s="684">
        <v>37.182479999999998</v>
      </c>
      <c r="K19" s="684">
        <v>2.5</v>
      </c>
      <c r="L19" s="683">
        <v>17582.583153</v>
      </c>
      <c r="M19" s="703">
        <v>46.480651513586253</v>
      </c>
      <c r="N19" s="683">
        <v>50.015048999999998</v>
      </c>
      <c r="O19" s="683" t="s">
        <v>560</v>
      </c>
      <c r="P19" s="41"/>
      <c r="Q19" s="27"/>
      <c r="R19" s="27"/>
      <c r="S19" s="27"/>
      <c r="T19" s="27"/>
      <c r="U19" s="27"/>
      <c r="V19" s="27"/>
      <c r="W19" s="27"/>
      <c r="X19" s="27"/>
      <c r="Y19" s="27"/>
      <c r="Z19" s="27"/>
      <c r="AA19" s="27"/>
      <c r="AB19" s="27"/>
      <c r="AC19" s="27"/>
      <c r="AD19" s="27"/>
      <c r="AE19" s="27"/>
      <c r="AF19" s="27"/>
      <c r="AG19" s="27"/>
      <c r="AH19" s="27"/>
      <c r="AI19" s="27"/>
      <c r="AJ19" s="27"/>
      <c r="AK19" s="27"/>
      <c r="AL19" s="27"/>
      <c r="AM19" s="27"/>
      <c r="AN19" s="27"/>
      <c r="AO19" s="27"/>
      <c r="AP19" s="27"/>
      <c r="AQ19" s="27"/>
      <c r="AR19" s="27"/>
      <c r="AS19" s="27"/>
      <c r="AT19" s="27"/>
      <c r="AU19" s="27"/>
      <c r="AV19" s="27"/>
      <c r="AW19" s="27"/>
      <c r="AX19" s="27"/>
      <c r="AY19" s="27"/>
      <c r="AZ19" s="27"/>
      <c r="BA19" s="27"/>
      <c r="BB19" s="27"/>
      <c r="BC19" s="27"/>
      <c r="BD19" s="27"/>
      <c r="BE19" s="27"/>
      <c r="BF19" s="27"/>
      <c r="BG19" s="27"/>
      <c r="BH19" s="27"/>
      <c r="BI19" s="27"/>
      <c r="BJ19" s="27"/>
      <c r="BK19" s="27"/>
      <c r="BL19" s="27"/>
      <c r="BM19" s="27"/>
      <c r="BN19" s="27"/>
      <c r="BO19" s="27"/>
      <c r="BP19" s="27"/>
      <c r="BQ19" s="27"/>
      <c r="BR19" s="27"/>
      <c r="BS19" s="27"/>
      <c r="BT19" s="27"/>
      <c r="BU19" s="27"/>
      <c r="BV19" s="27"/>
      <c r="BW19" s="27"/>
      <c r="BX19" s="27"/>
      <c r="BY19" s="27"/>
      <c r="BZ19" s="27"/>
    </row>
    <row r="20" spans="1:78" s="29" customFormat="1" ht="13.5" customHeight="1">
      <c r="A20" s="37"/>
      <c r="B20" s="682"/>
      <c r="C20" s="686" t="s">
        <v>649</v>
      </c>
      <c r="D20" s="683">
        <v>21345.151688999998</v>
      </c>
      <c r="E20" s="683">
        <v>7646.872206</v>
      </c>
      <c r="F20" s="683">
        <v>46.101031999999996</v>
      </c>
      <c r="G20" s="683">
        <v>24301.404566000001</v>
      </c>
      <c r="H20" s="684">
        <v>0.60488900000000001</v>
      </c>
      <c r="I20" s="683">
        <v>1129</v>
      </c>
      <c r="J20" s="684">
        <v>37.411602999999999</v>
      </c>
      <c r="K20" s="684">
        <v>2.5</v>
      </c>
      <c r="L20" s="683">
        <v>14165.500857999999</v>
      </c>
      <c r="M20" s="703">
        <v>58.290872939167052</v>
      </c>
      <c r="N20" s="683">
        <v>54.920670999999999</v>
      </c>
      <c r="O20" s="683" t="s">
        <v>560</v>
      </c>
      <c r="P20" s="41"/>
      <c r="Q20" s="27"/>
      <c r="R20" s="27"/>
      <c r="S20" s="27"/>
      <c r="T20" s="27"/>
      <c r="U20" s="27"/>
      <c r="V20" s="27"/>
      <c r="W20" s="27"/>
      <c r="X20" s="27"/>
      <c r="Y20" s="27"/>
      <c r="Z20" s="27"/>
      <c r="AA20" s="27"/>
      <c r="AB20" s="27"/>
      <c r="AC20" s="27"/>
      <c r="AD20" s="27"/>
      <c r="AE20" s="27"/>
      <c r="AF20" s="27"/>
      <c r="AG20" s="27"/>
      <c r="AH20" s="27"/>
      <c r="AI20" s="27"/>
      <c r="AJ20" s="27"/>
      <c r="AK20" s="27"/>
      <c r="AL20" s="27"/>
      <c r="AM20" s="27"/>
      <c r="AN20" s="27"/>
      <c r="AO20" s="27"/>
      <c r="AP20" s="27"/>
      <c r="AQ20" s="27"/>
      <c r="AR20" s="27"/>
      <c r="AS20" s="27"/>
      <c r="AT20" s="27"/>
      <c r="AU20" s="27"/>
      <c r="AV20" s="27"/>
      <c r="AW20" s="27"/>
      <c r="AX20" s="27"/>
      <c r="AY20" s="27"/>
      <c r="AZ20" s="27"/>
      <c r="BA20" s="27"/>
      <c r="BB20" s="27"/>
      <c r="BC20" s="27"/>
      <c r="BD20" s="27"/>
      <c r="BE20" s="27"/>
      <c r="BF20" s="27"/>
      <c r="BG20" s="27"/>
      <c r="BH20" s="27"/>
      <c r="BI20" s="27"/>
      <c r="BJ20" s="27"/>
      <c r="BK20" s="27"/>
      <c r="BL20" s="27"/>
      <c r="BM20" s="27"/>
      <c r="BN20" s="27"/>
      <c r="BO20" s="27"/>
      <c r="BP20" s="27"/>
      <c r="BQ20" s="27"/>
      <c r="BR20" s="27"/>
      <c r="BS20" s="27"/>
      <c r="BT20" s="27"/>
      <c r="BU20" s="27"/>
      <c r="BV20" s="27"/>
      <c r="BW20" s="27"/>
      <c r="BX20" s="27"/>
      <c r="BY20" s="27"/>
      <c r="BZ20" s="27"/>
    </row>
    <row r="21" spans="1:78" s="29" customFormat="1" ht="13.5" customHeight="1">
      <c r="A21" s="37"/>
      <c r="B21" s="682"/>
      <c r="C21" s="686" t="s">
        <v>650</v>
      </c>
      <c r="D21" s="683">
        <v>56551.133717999997</v>
      </c>
      <c r="E21" s="683">
        <v>13270.286733999999</v>
      </c>
      <c r="F21" s="683">
        <v>58.214075000000001</v>
      </c>
      <c r="G21" s="683">
        <v>62851.672246000002</v>
      </c>
      <c r="H21" s="684">
        <v>1.2108909999999999</v>
      </c>
      <c r="I21" s="683">
        <v>3322</v>
      </c>
      <c r="J21" s="684">
        <v>38.039175999999998</v>
      </c>
      <c r="K21" s="684">
        <v>2.5</v>
      </c>
      <c r="L21" s="683">
        <v>47084.093656999998</v>
      </c>
      <c r="M21" s="703">
        <v>74.913032500891845</v>
      </c>
      <c r="N21" s="683">
        <v>289.23823299999998</v>
      </c>
      <c r="O21" s="683" t="s">
        <v>560</v>
      </c>
      <c r="P21" s="41"/>
      <c r="Q21" s="27"/>
      <c r="R21" s="27"/>
      <c r="S21" s="27"/>
      <c r="T21" s="27"/>
      <c r="U21" s="27"/>
      <c r="V21" s="27"/>
      <c r="W21" s="27"/>
      <c r="X21" s="27"/>
      <c r="Y21" s="27"/>
      <c r="Z21" s="27"/>
      <c r="AA21" s="27"/>
      <c r="AB21" s="27"/>
      <c r="AC21" s="27"/>
      <c r="AD21" s="27"/>
      <c r="AE21" s="27"/>
      <c r="AF21" s="27"/>
      <c r="AG21" s="27"/>
      <c r="AH21" s="27"/>
      <c r="AI21" s="27"/>
      <c r="AJ21" s="27"/>
      <c r="AK21" s="27"/>
      <c r="AL21" s="27"/>
      <c r="AM21" s="27"/>
      <c r="AN21" s="27"/>
      <c r="AO21" s="27"/>
      <c r="AP21" s="27"/>
      <c r="AQ21" s="27"/>
      <c r="AR21" s="27"/>
      <c r="AS21" s="27"/>
      <c r="AT21" s="27"/>
      <c r="AU21" s="27"/>
      <c r="AV21" s="27"/>
      <c r="AW21" s="27"/>
      <c r="AX21" s="27"/>
      <c r="AY21" s="27"/>
      <c r="AZ21" s="27"/>
      <c r="BA21" s="27"/>
      <c r="BB21" s="27"/>
      <c r="BC21" s="27"/>
      <c r="BD21" s="27"/>
      <c r="BE21" s="27"/>
      <c r="BF21" s="27"/>
      <c r="BG21" s="27"/>
      <c r="BH21" s="27"/>
      <c r="BI21" s="27"/>
      <c r="BJ21" s="27"/>
      <c r="BK21" s="27"/>
      <c r="BL21" s="27"/>
      <c r="BM21" s="27"/>
      <c r="BN21" s="27"/>
      <c r="BO21" s="27"/>
      <c r="BP21" s="27"/>
      <c r="BQ21" s="27"/>
      <c r="BR21" s="27"/>
      <c r="BS21" s="27"/>
      <c r="BT21" s="27"/>
      <c r="BU21" s="27"/>
      <c r="BV21" s="27"/>
      <c r="BW21" s="27"/>
      <c r="BX21" s="27"/>
      <c r="BY21" s="27"/>
      <c r="BZ21" s="27"/>
    </row>
    <row r="22" spans="1:78" s="29" customFormat="1" ht="13.5" customHeight="1">
      <c r="A22" s="37"/>
      <c r="B22" s="682"/>
      <c r="C22" s="686" t="s">
        <v>651</v>
      </c>
      <c r="D22" s="683">
        <v>6540.1839209999998</v>
      </c>
      <c r="E22" s="683">
        <v>1215.1778320000001</v>
      </c>
      <c r="F22" s="683">
        <v>42.309730000000002</v>
      </c>
      <c r="G22" s="683">
        <v>6938.161274</v>
      </c>
      <c r="H22" s="684">
        <v>4.3631700000000002</v>
      </c>
      <c r="I22" s="683">
        <v>756</v>
      </c>
      <c r="J22" s="684">
        <v>38.831099000000002</v>
      </c>
      <c r="K22" s="684">
        <v>2.5</v>
      </c>
      <c r="L22" s="683">
        <v>7536.3349710000002</v>
      </c>
      <c r="M22" s="703">
        <v>108.62150176937499</v>
      </c>
      <c r="N22" s="683">
        <v>117.83550700000001</v>
      </c>
      <c r="O22" s="683" t="s">
        <v>560</v>
      </c>
      <c r="P22" s="41"/>
      <c r="Q22" s="27"/>
      <c r="R22" s="27"/>
      <c r="S22" s="27"/>
      <c r="T22" s="27"/>
      <c r="U22" s="27"/>
      <c r="V22" s="27"/>
      <c r="W22" s="27"/>
      <c r="X22" s="27"/>
      <c r="Y22" s="27"/>
      <c r="Z22" s="27"/>
      <c r="AA22" s="27"/>
      <c r="AB22" s="27"/>
      <c r="AC22" s="27"/>
      <c r="AD22" s="27"/>
      <c r="AE22" s="27"/>
      <c r="AF22" s="27"/>
      <c r="AG22" s="27"/>
      <c r="AH22" s="27"/>
      <c r="AI22" s="27"/>
      <c r="AJ22" s="27"/>
      <c r="AK22" s="27"/>
      <c r="AL22" s="27"/>
      <c r="AM22" s="27"/>
      <c r="AN22" s="27"/>
      <c r="AO22" s="27"/>
      <c r="AP22" s="27"/>
      <c r="AQ22" s="27"/>
      <c r="AR22" s="27"/>
      <c r="AS22" s="27"/>
      <c r="AT22" s="27"/>
      <c r="AU22" s="27"/>
      <c r="AV22" s="27"/>
      <c r="AW22" s="27"/>
      <c r="AX22" s="27"/>
      <c r="AY22" s="27"/>
      <c r="AZ22" s="27"/>
      <c r="BA22" s="27"/>
      <c r="BB22" s="27"/>
      <c r="BC22" s="27"/>
      <c r="BD22" s="27"/>
      <c r="BE22" s="27"/>
      <c r="BF22" s="27"/>
      <c r="BG22" s="27"/>
      <c r="BH22" s="27"/>
      <c r="BI22" s="27"/>
      <c r="BJ22" s="27"/>
      <c r="BK22" s="27"/>
      <c r="BL22" s="27"/>
      <c r="BM22" s="27"/>
      <c r="BN22" s="27"/>
      <c r="BO22" s="27"/>
      <c r="BP22" s="27"/>
      <c r="BQ22" s="27"/>
      <c r="BR22" s="27"/>
      <c r="BS22" s="27"/>
      <c r="BT22" s="27"/>
      <c r="BU22" s="27"/>
      <c r="BV22" s="27"/>
      <c r="BW22" s="27"/>
      <c r="BX22" s="27"/>
      <c r="BY22" s="27"/>
      <c r="BZ22" s="27"/>
    </row>
    <row r="23" spans="1:78" s="29" customFormat="1" ht="13.5" customHeight="1">
      <c r="A23" s="37"/>
      <c r="B23" s="682"/>
      <c r="C23" s="686" t="s">
        <v>652</v>
      </c>
      <c r="D23" s="683">
        <v>474.28556300000002</v>
      </c>
      <c r="E23" s="683">
        <v>110.05971099999999</v>
      </c>
      <c r="F23" s="683">
        <v>12.166376</v>
      </c>
      <c r="G23" s="683">
        <v>469.36096700000002</v>
      </c>
      <c r="H23" s="684">
        <v>16.254849</v>
      </c>
      <c r="I23" s="683">
        <v>65</v>
      </c>
      <c r="J23" s="684">
        <v>35.020949999999999</v>
      </c>
      <c r="K23" s="684">
        <v>2.5</v>
      </c>
      <c r="L23" s="683">
        <v>586.30503199999998</v>
      </c>
      <c r="M23" s="703">
        <v>124.91559231000136</v>
      </c>
      <c r="N23" s="683">
        <v>26.359579</v>
      </c>
      <c r="O23" s="683" t="s">
        <v>560</v>
      </c>
      <c r="P23" s="41"/>
      <c r="Q23" s="27"/>
      <c r="R23" s="27"/>
      <c r="S23" s="27"/>
      <c r="T23" s="27"/>
      <c r="U23" s="27"/>
      <c r="V23" s="27"/>
      <c r="W23" s="27"/>
      <c r="X23" s="27"/>
      <c r="Y23" s="27"/>
      <c r="Z23" s="27"/>
      <c r="AA23" s="27"/>
      <c r="AB23" s="27"/>
      <c r="AC23" s="27"/>
      <c r="AD23" s="27"/>
      <c r="AE23" s="27"/>
      <c r="AF23" s="27"/>
      <c r="AG23" s="27"/>
      <c r="AH23" s="27"/>
      <c r="AI23" s="27"/>
      <c r="AJ23" s="27"/>
      <c r="AK23" s="27"/>
      <c r="AL23" s="27"/>
      <c r="AM23" s="27"/>
      <c r="AN23" s="27"/>
      <c r="AO23" s="27"/>
      <c r="AP23" s="27"/>
      <c r="AQ23" s="27"/>
      <c r="AR23" s="27"/>
      <c r="AS23" s="27"/>
      <c r="AT23" s="27"/>
      <c r="AU23" s="27"/>
      <c r="AV23" s="27"/>
      <c r="AW23" s="27"/>
      <c r="AX23" s="27"/>
      <c r="AY23" s="27"/>
      <c r="AZ23" s="27"/>
      <c r="BA23" s="27"/>
      <c r="BB23" s="27"/>
      <c r="BC23" s="27"/>
      <c r="BD23" s="27"/>
      <c r="BE23" s="27"/>
      <c r="BF23" s="27"/>
      <c r="BG23" s="27"/>
      <c r="BH23" s="27"/>
      <c r="BI23" s="27"/>
      <c r="BJ23" s="27"/>
      <c r="BK23" s="27"/>
      <c r="BL23" s="27"/>
      <c r="BM23" s="27"/>
      <c r="BN23" s="27"/>
      <c r="BO23" s="27"/>
      <c r="BP23" s="27"/>
      <c r="BQ23" s="27"/>
      <c r="BR23" s="27"/>
      <c r="BS23" s="27"/>
      <c r="BT23" s="27"/>
      <c r="BU23" s="27"/>
      <c r="BV23" s="27"/>
      <c r="BW23" s="27"/>
      <c r="BX23" s="27"/>
      <c r="BY23" s="27"/>
      <c r="BZ23" s="27"/>
    </row>
    <row r="24" spans="1:78" s="29" customFormat="1" ht="13.5" customHeight="1">
      <c r="A24" s="37"/>
      <c r="B24" s="682"/>
      <c r="C24" s="687" t="s">
        <v>653</v>
      </c>
      <c r="D24" s="683">
        <v>2929.1904020000002</v>
      </c>
      <c r="E24" s="683">
        <v>338.920096</v>
      </c>
      <c r="F24" s="683">
        <v>67.940524999999994</v>
      </c>
      <c r="G24" s="683">
        <v>3159.4544970000002</v>
      </c>
      <c r="H24" s="684">
        <v>100</v>
      </c>
      <c r="I24" s="683">
        <v>138</v>
      </c>
      <c r="J24" s="684">
        <v>43.438110999999999</v>
      </c>
      <c r="K24" s="684">
        <v>2.5</v>
      </c>
      <c r="L24" s="683">
        <v>0</v>
      </c>
      <c r="M24" s="703">
        <v>0</v>
      </c>
      <c r="N24" s="683">
        <v>1372.407363</v>
      </c>
      <c r="O24" s="683" t="s">
        <v>560</v>
      </c>
      <c r="P24" s="41"/>
      <c r="Q24" s="27"/>
      <c r="R24" s="27"/>
      <c r="S24" s="27"/>
      <c r="T24" s="27"/>
      <c r="U24" s="27"/>
      <c r="V24" s="27"/>
      <c r="W24" s="27"/>
      <c r="X24" s="27"/>
      <c r="Y24" s="27"/>
      <c r="Z24" s="27"/>
      <c r="AA24" s="27"/>
      <c r="AB24" s="27"/>
      <c r="AC24" s="27"/>
      <c r="AD24" s="27"/>
      <c r="AE24" s="27"/>
      <c r="AF24" s="27"/>
      <c r="AG24" s="27"/>
      <c r="AH24" s="27"/>
      <c r="AI24" s="27"/>
      <c r="AJ24" s="27"/>
      <c r="AK24" s="27"/>
      <c r="AL24" s="27"/>
      <c r="AM24" s="27"/>
      <c r="AN24" s="27"/>
      <c r="AO24" s="27"/>
      <c r="AP24" s="27"/>
      <c r="AQ24" s="27"/>
      <c r="AR24" s="27"/>
      <c r="AS24" s="27"/>
      <c r="AT24" s="27"/>
      <c r="AU24" s="27"/>
      <c r="AV24" s="27"/>
      <c r="AW24" s="27"/>
      <c r="AX24" s="27"/>
      <c r="AY24" s="27"/>
      <c r="AZ24" s="27"/>
      <c r="BA24" s="27"/>
      <c r="BB24" s="27"/>
      <c r="BC24" s="27"/>
      <c r="BD24" s="27"/>
      <c r="BE24" s="27"/>
      <c r="BF24" s="27"/>
      <c r="BG24" s="27"/>
      <c r="BH24" s="27"/>
      <c r="BI24" s="27"/>
      <c r="BJ24" s="27"/>
      <c r="BK24" s="27"/>
      <c r="BL24" s="27"/>
      <c r="BM24" s="27"/>
      <c r="BN24" s="27"/>
      <c r="BO24" s="27"/>
      <c r="BP24" s="27"/>
      <c r="BQ24" s="27"/>
      <c r="BR24" s="27"/>
      <c r="BS24" s="27"/>
      <c r="BT24" s="27"/>
      <c r="BU24" s="27"/>
      <c r="BV24" s="27"/>
      <c r="BW24" s="27"/>
      <c r="BX24" s="27"/>
      <c r="BY24" s="27"/>
      <c r="BZ24" s="27"/>
    </row>
    <row r="25" spans="1:78" s="29" customFormat="1" ht="13.5" customHeight="1">
      <c r="A25" s="37"/>
      <c r="B25" s="708" t="s">
        <v>25</v>
      </c>
      <c r="C25" s="681"/>
      <c r="D25" s="709">
        <v>200622.46223999999</v>
      </c>
      <c r="E25" s="709">
        <v>132795.59343800001</v>
      </c>
      <c r="F25" s="709">
        <v>61.033147883661179</v>
      </c>
      <c r="G25" s="709">
        <v>274201.45623900002</v>
      </c>
      <c r="H25" s="710">
        <v>1.7282272059973267</v>
      </c>
      <c r="I25" s="709">
        <v>8319</v>
      </c>
      <c r="J25" s="710">
        <v>37.926443722890241</v>
      </c>
      <c r="K25" s="710">
        <v>2.5</v>
      </c>
      <c r="L25" s="709">
        <v>122432.841013</v>
      </c>
      <c r="M25" s="710">
        <v>44.650689566828866</v>
      </c>
      <c r="N25" s="709">
        <v>1968.0149100000001</v>
      </c>
      <c r="O25" s="709">
        <v>2044.2142710000001</v>
      </c>
      <c r="P25" s="41"/>
      <c r="Q25" s="27"/>
      <c r="R25" s="27"/>
      <c r="S25" s="27"/>
      <c r="T25" s="27"/>
      <c r="U25" s="27"/>
      <c r="V25" s="27"/>
      <c r="W25" s="27"/>
      <c r="X25" s="27"/>
      <c r="Y25" s="27"/>
      <c r="Z25" s="27"/>
      <c r="AA25" s="27"/>
      <c r="AB25" s="27"/>
      <c r="AC25" s="27"/>
      <c r="AD25" s="27"/>
      <c r="AE25" s="27"/>
      <c r="AF25" s="27"/>
      <c r="AG25" s="27"/>
      <c r="AH25" s="27"/>
      <c r="AI25" s="27"/>
      <c r="AJ25" s="27"/>
      <c r="AK25" s="27"/>
      <c r="AL25" s="27"/>
      <c r="AM25" s="27"/>
      <c r="AN25" s="27"/>
      <c r="AO25" s="27"/>
      <c r="AP25" s="27"/>
      <c r="AQ25" s="27"/>
      <c r="AR25" s="27"/>
      <c r="AS25" s="27"/>
      <c r="AT25" s="27"/>
      <c r="AU25" s="27"/>
      <c r="AV25" s="27"/>
      <c r="AW25" s="27"/>
      <c r="AX25" s="27"/>
      <c r="AY25" s="27"/>
      <c r="AZ25" s="27"/>
      <c r="BA25" s="27"/>
      <c r="BB25" s="27"/>
      <c r="BC25" s="27"/>
      <c r="BD25" s="27"/>
      <c r="BE25" s="27"/>
      <c r="BF25" s="27"/>
      <c r="BG25" s="27"/>
      <c r="BH25" s="27"/>
      <c r="BI25" s="27"/>
      <c r="BJ25" s="27"/>
      <c r="BK25" s="27"/>
      <c r="BL25" s="27"/>
      <c r="BM25" s="27"/>
      <c r="BN25" s="27"/>
      <c r="BO25" s="27"/>
      <c r="BP25" s="27"/>
      <c r="BQ25" s="27"/>
      <c r="BR25" s="27"/>
      <c r="BS25" s="27"/>
      <c r="BT25" s="27"/>
      <c r="BU25" s="27"/>
      <c r="BV25" s="27"/>
      <c r="BW25" s="27"/>
      <c r="BX25" s="27"/>
      <c r="BY25" s="27"/>
      <c r="BZ25" s="27"/>
    </row>
    <row r="26" spans="1:78" s="46" customFormat="1" ht="13.5" customHeight="1">
      <c r="A26" s="60"/>
      <c r="B26" s="696"/>
      <c r="C26" s="682"/>
      <c r="D26" s="695"/>
      <c r="E26" s="695"/>
      <c r="F26" s="695"/>
      <c r="G26" s="695"/>
      <c r="H26" s="697"/>
      <c r="I26" s="695"/>
      <c r="J26" s="697"/>
      <c r="K26" s="697"/>
      <c r="L26" s="695"/>
      <c r="M26" s="711"/>
      <c r="N26" s="695"/>
      <c r="O26" s="695"/>
      <c r="P26" s="41"/>
      <c r="Q26" s="27"/>
      <c r="R26" s="27"/>
      <c r="S26" s="27"/>
      <c r="T26" s="27"/>
      <c r="U26" s="27"/>
      <c r="V26" s="27"/>
      <c r="W26" s="27"/>
      <c r="X26" s="27"/>
      <c r="Y26" s="27"/>
      <c r="Z26" s="27"/>
      <c r="AA26" s="27"/>
      <c r="AB26" s="27"/>
      <c r="AC26" s="27"/>
      <c r="AD26" s="27"/>
      <c r="AE26" s="27"/>
      <c r="AF26" s="27"/>
      <c r="AG26" s="27"/>
      <c r="AH26" s="27"/>
      <c r="AI26" s="27"/>
      <c r="AJ26" s="27"/>
      <c r="AK26" s="27"/>
      <c r="AL26" s="27"/>
      <c r="AM26" s="27"/>
      <c r="AN26" s="27"/>
      <c r="AO26" s="27"/>
      <c r="AP26" s="27"/>
      <c r="AQ26" s="27"/>
      <c r="AR26" s="27"/>
      <c r="AS26" s="27"/>
      <c r="AT26" s="27"/>
      <c r="AU26" s="27"/>
      <c r="AV26" s="27"/>
      <c r="AW26" s="27"/>
      <c r="AX26" s="27"/>
      <c r="AY26" s="27"/>
      <c r="AZ26" s="27"/>
      <c r="BA26" s="27"/>
      <c r="BB26" s="27"/>
      <c r="BC26" s="27"/>
      <c r="BD26" s="27"/>
      <c r="BE26" s="27"/>
      <c r="BF26" s="27"/>
      <c r="BG26" s="27"/>
      <c r="BH26" s="27"/>
      <c r="BI26" s="27"/>
      <c r="BJ26" s="27"/>
      <c r="BK26" s="27"/>
      <c r="BL26" s="27"/>
      <c r="BM26" s="27"/>
      <c r="BN26" s="27"/>
      <c r="BO26" s="27"/>
      <c r="BP26" s="27"/>
      <c r="BQ26" s="27"/>
      <c r="BR26" s="27"/>
      <c r="BS26" s="27"/>
      <c r="BT26" s="27"/>
      <c r="BU26" s="27"/>
      <c r="BV26" s="27"/>
      <c r="BW26" s="27"/>
      <c r="BX26" s="27"/>
      <c r="BY26" s="27"/>
      <c r="BZ26" s="27"/>
    </row>
    <row r="27" spans="1:78">
      <c r="B27" s="691" t="s">
        <v>176</v>
      </c>
      <c r="C27" s="683" t="s">
        <v>646</v>
      </c>
      <c r="D27" s="683">
        <v>44956.225603999999</v>
      </c>
      <c r="E27" s="683">
        <v>14527.502879</v>
      </c>
      <c r="F27" s="683">
        <v>63.403688000000002</v>
      </c>
      <c r="G27" s="683">
        <v>53938.446950999998</v>
      </c>
      <c r="H27" s="684">
        <v>3.5631999999999997E-2</v>
      </c>
      <c r="I27" s="683">
        <v>193</v>
      </c>
      <c r="J27" s="684">
        <v>25.59075</v>
      </c>
      <c r="K27" s="684">
        <v>2.5</v>
      </c>
      <c r="L27" s="683">
        <v>6752.8935110000002</v>
      </c>
      <c r="M27" s="703">
        <v>12.519629119345275</v>
      </c>
      <c r="N27" s="683">
        <v>4.9390479999999997</v>
      </c>
      <c r="O27" s="683" t="s">
        <v>560</v>
      </c>
      <c r="P27" s="41"/>
    </row>
    <row r="28" spans="1:78" s="29" customFormat="1">
      <c r="B28" s="682"/>
      <c r="C28" s="686" t="s">
        <v>647</v>
      </c>
      <c r="D28" s="683">
        <v>1943.7089229999999</v>
      </c>
      <c r="E28" s="683">
        <v>7717.1359499999999</v>
      </c>
      <c r="F28" s="683">
        <v>56.296751</v>
      </c>
      <c r="G28" s="683">
        <v>5927.7048080000004</v>
      </c>
      <c r="H28" s="684">
        <v>0.188078</v>
      </c>
      <c r="I28" s="683">
        <v>51</v>
      </c>
      <c r="J28" s="684">
        <v>43.795248000000001</v>
      </c>
      <c r="K28" s="684">
        <v>2.5</v>
      </c>
      <c r="L28" s="683">
        <v>2652.023655</v>
      </c>
      <c r="M28" s="703">
        <v>44.739469000224886</v>
      </c>
      <c r="N28" s="683">
        <v>4.8667119999999997</v>
      </c>
      <c r="O28" s="683" t="s">
        <v>560</v>
      </c>
      <c r="P28" s="41"/>
      <c r="Q28" s="27"/>
      <c r="R28" s="27"/>
      <c r="S28" s="27"/>
      <c r="T28" s="27"/>
      <c r="U28" s="27"/>
      <c r="V28" s="27"/>
      <c r="W28" s="27"/>
      <c r="X28" s="27"/>
      <c r="Y28" s="27"/>
      <c r="Z28" s="27"/>
      <c r="AA28" s="27"/>
      <c r="AB28" s="27"/>
      <c r="AC28" s="27"/>
      <c r="AD28" s="27"/>
      <c r="AE28" s="27"/>
      <c r="AF28" s="27"/>
      <c r="AG28" s="27"/>
      <c r="AH28" s="27"/>
      <c r="AI28" s="27"/>
      <c r="AJ28" s="27"/>
      <c r="AK28" s="27"/>
      <c r="AL28" s="27"/>
      <c r="AM28" s="27"/>
      <c r="AN28" s="27"/>
      <c r="AO28" s="27"/>
      <c r="AP28" s="27"/>
      <c r="AQ28" s="27"/>
      <c r="AR28" s="27"/>
      <c r="AS28" s="27"/>
      <c r="AT28" s="27"/>
      <c r="AU28" s="27"/>
      <c r="AV28" s="27"/>
      <c r="AW28" s="27"/>
      <c r="AX28" s="27"/>
      <c r="AY28" s="27"/>
      <c r="AZ28" s="27"/>
      <c r="BA28" s="27"/>
      <c r="BB28" s="27"/>
      <c r="BC28" s="27"/>
      <c r="BD28" s="27"/>
      <c r="BE28" s="27"/>
      <c r="BF28" s="27"/>
      <c r="BG28" s="27"/>
      <c r="BH28" s="27"/>
      <c r="BI28" s="27"/>
      <c r="BJ28" s="27"/>
      <c r="BK28" s="27"/>
      <c r="BL28" s="27"/>
      <c r="BM28" s="27"/>
      <c r="BN28" s="27"/>
      <c r="BO28" s="27"/>
      <c r="BP28" s="27"/>
      <c r="BQ28" s="27"/>
      <c r="BR28" s="27"/>
      <c r="BS28" s="27"/>
      <c r="BT28" s="27"/>
      <c r="BU28" s="27"/>
      <c r="BV28" s="27"/>
      <c r="BW28" s="27"/>
      <c r="BX28" s="27"/>
      <c r="BY28" s="27"/>
      <c r="BZ28" s="27"/>
    </row>
    <row r="29" spans="1:78" s="29" customFormat="1">
      <c r="B29" s="682"/>
      <c r="C29" s="686" t="s">
        <v>648</v>
      </c>
      <c r="D29" s="683">
        <v>1183.325955</v>
      </c>
      <c r="E29" s="683">
        <v>1219.6360319999999</v>
      </c>
      <c r="F29" s="683">
        <v>68.361030999999997</v>
      </c>
      <c r="G29" s="683">
        <v>2017.0817300000001</v>
      </c>
      <c r="H29" s="684">
        <v>0.39287699999999998</v>
      </c>
      <c r="I29" s="683">
        <v>36</v>
      </c>
      <c r="J29" s="684">
        <v>37.843428000000003</v>
      </c>
      <c r="K29" s="684">
        <v>2.5</v>
      </c>
      <c r="L29" s="683">
        <v>1168.563551</v>
      </c>
      <c r="M29" s="703">
        <v>57.933376403146539</v>
      </c>
      <c r="N29" s="683">
        <v>3.0000339999999999</v>
      </c>
      <c r="O29" s="683" t="s">
        <v>560</v>
      </c>
      <c r="P29" s="41"/>
      <c r="Q29" s="27"/>
      <c r="R29" s="27"/>
      <c r="S29" s="27"/>
      <c r="T29" s="27"/>
      <c r="U29" s="27"/>
      <c r="V29" s="27"/>
      <c r="W29" s="27"/>
      <c r="X29" s="27"/>
      <c r="Y29" s="27"/>
      <c r="Z29" s="27"/>
      <c r="AA29" s="27"/>
      <c r="AB29" s="27"/>
      <c r="AC29" s="27"/>
      <c r="AD29" s="27"/>
      <c r="AE29" s="27"/>
      <c r="AF29" s="27"/>
      <c r="AG29" s="27"/>
      <c r="AH29" s="27"/>
      <c r="AI29" s="27"/>
      <c r="AJ29" s="27"/>
      <c r="AK29" s="27"/>
      <c r="AL29" s="27"/>
      <c r="AM29" s="27"/>
      <c r="AN29" s="27"/>
      <c r="AO29" s="27"/>
      <c r="AP29" s="27"/>
      <c r="AQ29" s="27"/>
      <c r="AR29" s="27"/>
      <c r="AS29" s="27"/>
      <c r="AT29" s="27"/>
      <c r="AU29" s="27"/>
      <c r="AV29" s="27"/>
      <c r="AW29" s="27"/>
      <c r="AX29" s="27"/>
      <c r="AY29" s="27"/>
      <c r="AZ29" s="27"/>
      <c r="BA29" s="27"/>
      <c r="BB29" s="27"/>
      <c r="BC29" s="27"/>
      <c r="BD29" s="27"/>
      <c r="BE29" s="27"/>
      <c r="BF29" s="27"/>
      <c r="BG29" s="27"/>
      <c r="BH29" s="27"/>
      <c r="BI29" s="27"/>
      <c r="BJ29" s="27"/>
      <c r="BK29" s="27"/>
      <c r="BL29" s="27"/>
      <c r="BM29" s="27"/>
      <c r="BN29" s="27"/>
      <c r="BO29" s="27"/>
      <c r="BP29" s="27"/>
      <c r="BQ29" s="27"/>
      <c r="BR29" s="27"/>
      <c r="BS29" s="27"/>
      <c r="BT29" s="27"/>
      <c r="BU29" s="27"/>
      <c r="BV29" s="27"/>
      <c r="BW29" s="27"/>
      <c r="BX29" s="27"/>
      <c r="BY29" s="27"/>
      <c r="BZ29" s="27"/>
    </row>
    <row r="30" spans="1:78" s="29" customFormat="1">
      <c r="B30" s="682"/>
      <c r="C30" s="686" t="s">
        <v>649</v>
      </c>
      <c r="D30" s="683">
        <v>90.517384000000007</v>
      </c>
      <c r="E30" s="683"/>
      <c r="F30" s="683"/>
      <c r="G30" s="683">
        <v>90.517384000000007</v>
      </c>
      <c r="H30" s="684">
        <v>0.7</v>
      </c>
      <c r="I30" s="683">
        <v>1</v>
      </c>
      <c r="J30" s="684">
        <v>35</v>
      </c>
      <c r="K30" s="684">
        <v>2.5</v>
      </c>
      <c r="L30" s="683">
        <v>60.074748999999997</v>
      </c>
      <c r="M30" s="703">
        <v>66.368189562349698</v>
      </c>
      <c r="N30" s="683">
        <v>0.22176699999999999</v>
      </c>
      <c r="O30" s="683" t="s">
        <v>560</v>
      </c>
      <c r="P30" s="41"/>
      <c r="Q30" s="27"/>
      <c r="R30" s="27"/>
      <c r="S30" s="27"/>
      <c r="T30" s="27"/>
      <c r="U30" s="27"/>
      <c r="V30" s="27"/>
      <c r="W30" s="27"/>
      <c r="X30" s="27"/>
      <c r="Y30" s="27"/>
      <c r="Z30" s="27"/>
      <c r="AA30" s="27"/>
      <c r="AB30" s="27"/>
      <c r="AC30" s="27"/>
      <c r="AD30" s="27"/>
      <c r="AE30" s="27"/>
      <c r="AF30" s="27"/>
      <c r="AG30" s="27"/>
      <c r="AH30" s="27"/>
      <c r="AI30" s="27"/>
      <c r="AJ30" s="27"/>
      <c r="AK30" s="27"/>
      <c r="AL30" s="27"/>
      <c r="AM30" s="27"/>
      <c r="AN30" s="27"/>
      <c r="AO30" s="27"/>
      <c r="AP30" s="27"/>
      <c r="AQ30" s="27"/>
      <c r="AR30" s="27"/>
      <c r="AS30" s="27"/>
      <c r="AT30" s="27"/>
      <c r="AU30" s="27"/>
      <c r="AV30" s="27"/>
      <c r="AW30" s="27"/>
      <c r="AX30" s="27"/>
      <c r="AY30" s="27"/>
      <c r="AZ30" s="27"/>
      <c r="BA30" s="27"/>
      <c r="BB30" s="27"/>
      <c r="BC30" s="27"/>
      <c r="BD30" s="27"/>
      <c r="BE30" s="27"/>
      <c r="BF30" s="27"/>
      <c r="BG30" s="27"/>
      <c r="BH30" s="27"/>
      <c r="BI30" s="27"/>
      <c r="BJ30" s="27"/>
      <c r="BK30" s="27"/>
      <c r="BL30" s="27"/>
      <c r="BM30" s="27"/>
      <c r="BN30" s="27"/>
      <c r="BO30" s="27"/>
      <c r="BP30" s="27"/>
      <c r="BQ30" s="27"/>
      <c r="BR30" s="27"/>
      <c r="BS30" s="27"/>
      <c r="BT30" s="27"/>
      <c r="BU30" s="27"/>
      <c r="BV30" s="27"/>
      <c r="BW30" s="27"/>
      <c r="BX30" s="27"/>
      <c r="BY30" s="27"/>
      <c r="BZ30" s="27"/>
    </row>
    <row r="31" spans="1:78" s="29" customFormat="1">
      <c r="B31" s="682"/>
      <c r="C31" s="686" t="s">
        <v>650</v>
      </c>
      <c r="D31" s="683">
        <v>3152.3185389999999</v>
      </c>
      <c r="E31" s="683">
        <v>1027.2744259999999</v>
      </c>
      <c r="F31" s="683">
        <v>71.988757000000007</v>
      </c>
      <c r="G31" s="683">
        <v>3891.840631</v>
      </c>
      <c r="H31" s="684">
        <v>1.228121</v>
      </c>
      <c r="I31" s="683">
        <v>35</v>
      </c>
      <c r="J31" s="684">
        <v>44.199221000000001</v>
      </c>
      <c r="K31" s="684">
        <v>2.5</v>
      </c>
      <c r="L31" s="683">
        <v>3975.2661360000002</v>
      </c>
      <c r="M31" s="703">
        <v>102.14360023726265</v>
      </c>
      <c r="N31" s="683">
        <v>21.154149</v>
      </c>
      <c r="O31" s="683" t="s">
        <v>560</v>
      </c>
      <c r="P31" s="41"/>
      <c r="Q31" s="27"/>
      <c r="R31" s="27"/>
      <c r="S31" s="27"/>
      <c r="T31" s="27"/>
      <c r="U31" s="27"/>
      <c r="V31" s="27"/>
      <c r="W31" s="27"/>
      <c r="X31" s="27"/>
      <c r="Y31" s="27"/>
      <c r="Z31" s="27"/>
      <c r="AA31" s="27"/>
      <c r="AB31" s="27"/>
      <c r="AC31" s="27"/>
      <c r="AD31" s="27"/>
      <c r="AE31" s="27"/>
      <c r="AF31" s="27"/>
      <c r="AG31" s="27"/>
      <c r="AH31" s="27"/>
      <c r="AI31" s="27"/>
      <c r="AJ31" s="27"/>
      <c r="AK31" s="27"/>
      <c r="AL31" s="27"/>
      <c r="AM31" s="27"/>
      <c r="AN31" s="27"/>
      <c r="AO31" s="27"/>
      <c r="AP31" s="27"/>
      <c r="AQ31" s="27"/>
      <c r="AR31" s="27"/>
      <c r="AS31" s="27"/>
      <c r="AT31" s="27"/>
      <c r="AU31" s="27"/>
      <c r="AV31" s="27"/>
      <c r="AW31" s="27"/>
      <c r="AX31" s="27"/>
      <c r="AY31" s="27"/>
      <c r="AZ31" s="27"/>
      <c r="BA31" s="27"/>
      <c r="BB31" s="27"/>
      <c r="BC31" s="27"/>
      <c r="BD31" s="27"/>
      <c r="BE31" s="27"/>
      <c r="BF31" s="27"/>
      <c r="BG31" s="27"/>
      <c r="BH31" s="27"/>
      <c r="BI31" s="27"/>
      <c r="BJ31" s="27"/>
      <c r="BK31" s="27"/>
      <c r="BL31" s="27"/>
      <c r="BM31" s="27"/>
      <c r="BN31" s="27"/>
      <c r="BO31" s="27"/>
      <c r="BP31" s="27"/>
      <c r="BQ31" s="27"/>
      <c r="BR31" s="27"/>
      <c r="BS31" s="27"/>
      <c r="BT31" s="27"/>
      <c r="BU31" s="27"/>
      <c r="BV31" s="27"/>
      <c r="BW31" s="27"/>
      <c r="BX31" s="27"/>
      <c r="BY31" s="27"/>
      <c r="BZ31" s="27"/>
    </row>
    <row r="32" spans="1:78" s="29" customFormat="1">
      <c r="B32" s="682"/>
      <c r="C32" s="686" t="s">
        <v>651</v>
      </c>
      <c r="D32" s="683">
        <v>1110.7565790000001</v>
      </c>
      <c r="E32" s="683">
        <v>560.84238900000003</v>
      </c>
      <c r="F32" s="683">
        <v>59.385255000000001</v>
      </c>
      <c r="G32" s="683">
        <v>1443.8142680000001</v>
      </c>
      <c r="H32" s="684">
        <v>3.9059940000000002</v>
      </c>
      <c r="I32" s="683">
        <v>17</v>
      </c>
      <c r="J32" s="684">
        <v>45</v>
      </c>
      <c r="K32" s="684">
        <v>2.5</v>
      </c>
      <c r="L32" s="683">
        <v>2168.2922509999999</v>
      </c>
      <c r="M32" s="703">
        <v>150.17805953694869</v>
      </c>
      <c r="N32" s="683">
        <v>25.377884000000002</v>
      </c>
      <c r="O32" s="683" t="s">
        <v>560</v>
      </c>
      <c r="P32" s="41"/>
      <c r="Q32" s="27"/>
      <c r="R32" s="27"/>
      <c r="S32" s="27"/>
      <c r="T32" s="27"/>
      <c r="U32" s="27"/>
      <c r="V32" s="27"/>
      <c r="W32" s="27"/>
      <c r="X32" s="27"/>
      <c r="Y32" s="27"/>
      <c r="Z32" s="27"/>
      <c r="AA32" s="27"/>
      <c r="AB32" s="27"/>
      <c r="AC32" s="27"/>
      <c r="AD32" s="27"/>
      <c r="AE32" s="27"/>
      <c r="AF32" s="27"/>
      <c r="AG32" s="27"/>
      <c r="AH32" s="27"/>
      <c r="AI32" s="27"/>
      <c r="AJ32" s="27"/>
      <c r="AK32" s="27"/>
      <c r="AL32" s="27"/>
      <c r="AM32" s="27"/>
      <c r="AN32" s="27"/>
      <c r="AO32" s="27"/>
      <c r="AP32" s="27"/>
      <c r="AQ32" s="27"/>
      <c r="AR32" s="27"/>
      <c r="AS32" s="27"/>
      <c r="AT32" s="27"/>
      <c r="AU32" s="27"/>
      <c r="AV32" s="27"/>
      <c r="AW32" s="27"/>
      <c r="AX32" s="27"/>
      <c r="AY32" s="27"/>
      <c r="AZ32" s="27"/>
      <c r="BA32" s="27"/>
      <c r="BB32" s="27"/>
      <c r="BC32" s="27"/>
      <c r="BD32" s="27"/>
      <c r="BE32" s="27"/>
      <c r="BF32" s="27"/>
      <c r="BG32" s="27"/>
      <c r="BH32" s="27"/>
      <c r="BI32" s="27"/>
      <c r="BJ32" s="27"/>
      <c r="BK32" s="27"/>
      <c r="BL32" s="27"/>
      <c r="BM32" s="27"/>
      <c r="BN32" s="27"/>
      <c r="BO32" s="27"/>
      <c r="BP32" s="27"/>
      <c r="BQ32" s="27"/>
      <c r="BR32" s="27"/>
      <c r="BS32" s="27"/>
      <c r="BT32" s="27"/>
      <c r="BU32" s="27"/>
      <c r="BV32" s="27"/>
      <c r="BW32" s="27"/>
      <c r="BX32" s="27"/>
      <c r="BY32" s="27"/>
      <c r="BZ32" s="27"/>
    </row>
    <row r="33" spans="2:78" s="29" customFormat="1">
      <c r="B33" s="682"/>
      <c r="C33" s="686" t="s">
        <v>652</v>
      </c>
      <c r="D33" s="683">
        <v>3.2850779999999999</v>
      </c>
      <c r="E33" s="683">
        <v>135.56602699999999</v>
      </c>
      <c r="F33" s="683">
        <v>19.999998999999999</v>
      </c>
      <c r="G33" s="683">
        <v>30.398282999999999</v>
      </c>
      <c r="H33" s="684">
        <v>16.476151999999999</v>
      </c>
      <c r="I33" s="683">
        <v>6</v>
      </c>
      <c r="J33" s="684">
        <v>20.843616999999998</v>
      </c>
      <c r="K33" s="684">
        <v>2.5</v>
      </c>
      <c r="L33" s="683">
        <v>34.962124000000003</v>
      </c>
      <c r="M33" s="703">
        <v>115.01348283388242</v>
      </c>
      <c r="N33" s="683">
        <v>0.711754</v>
      </c>
      <c r="O33" s="683" t="s">
        <v>560</v>
      </c>
      <c r="P33" s="41"/>
      <c r="Q33" s="27"/>
      <c r="R33" s="27"/>
      <c r="S33" s="27"/>
      <c r="T33" s="27"/>
      <c r="U33" s="27"/>
      <c r="V33" s="27"/>
      <c r="W33" s="27"/>
      <c r="X33" s="27"/>
      <c r="Y33" s="27"/>
      <c r="Z33" s="27"/>
      <c r="AA33" s="27"/>
      <c r="AB33" s="27"/>
      <c r="AC33" s="27"/>
      <c r="AD33" s="27"/>
      <c r="AE33" s="27"/>
      <c r="AF33" s="27"/>
      <c r="AG33" s="27"/>
      <c r="AH33" s="27"/>
      <c r="AI33" s="27"/>
      <c r="AJ33" s="27"/>
      <c r="AK33" s="27"/>
      <c r="AL33" s="27"/>
      <c r="AM33" s="27"/>
      <c r="AN33" s="27"/>
      <c r="AO33" s="27"/>
      <c r="AP33" s="27"/>
      <c r="AQ33" s="27"/>
      <c r="AR33" s="27"/>
      <c r="AS33" s="27"/>
      <c r="AT33" s="27"/>
      <c r="AU33" s="27"/>
      <c r="AV33" s="27"/>
      <c r="AW33" s="27"/>
      <c r="AX33" s="27"/>
      <c r="AY33" s="27"/>
      <c r="AZ33" s="27"/>
      <c r="BA33" s="27"/>
      <c r="BB33" s="27"/>
      <c r="BC33" s="27"/>
      <c r="BD33" s="27"/>
      <c r="BE33" s="27"/>
      <c r="BF33" s="27"/>
      <c r="BG33" s="27"/>
      <c r="BH33" s="27"/>
      <c r="BI33" s="27"/>
      <c r="BJ33" s="27"/>
      <c r="BK33" s="27"/>
      <c r="BL33" s="27"/>
      <c r="BM33" s="27"/>
      <c r="BN33" s="27"/>
      <c r="BO33" s="27"/>
      <c r="BP33" s="27"/>
      <c r="BQ33" s="27"/>
      <c r="BR33" s="27"/>
      <c r="BS33" s="27"/>
      <c r="BT33" s="27"/>
      <c r="BU33" s="27"/>
      <c r="BV33" s="27"/>
      <c r="BW33" s="27"/>
      <c r="BX33" s="27"/>
      <c r="BY33" s="27"/>
      <c r="BZ33" s="27"/>
    </row>
    <row r="34" spans="2:78" s="29" customFormat="1">
      <c r="B34" s="705"/>
      <c r="C34" s="687" t="s">
        <v>653</v>
      </c>
      <c r="D34" s="688">
        <v>416.73021799999998</v>
      </c>
      <c r="E34" s="688">
        <v>30.438367</v>
      </c>
      <c r="F34" s="688">
        <v>81.595647999999997</v>
      </c>
      <c r="G34" s="688">
        <v>441.56660199999999</v>
      </c>
      <c r="H34" s="689">
        <v>100</v>
      </c>
      <c r="I34" s="688">
        <v>3</v>
      </c>
      <c r="J34" s="689">
        <v>45</v>
      </c>
      <c r="K34" s="689">
        <v>2.5</v>
      </c>
      <c r="L34" s="688">
        <v>0</v>
      </c>
      <c r="M34" s="703">
        <v>0</v>
      </c>
      <c r="N34" s="688">
        <v>198.70497</v>
      </c>
      <c r="O34" s="683" t="s">
        <v>560</v>
      </c>
      <c r="P34" s="41"/>
      <c r="Q34" s="27"/>
      <c r="R34" s="27"/>
      <c r="S34" s="27"/>
      <c r="T34" s="27"/>
      <c r="U34" s="27"/>
      <c r="V34" s="27"/>
      <c r="W34" s="27"/>
      <c r="X34" s="27"/>
      <c r="Y34" s="27"/>
      <c r="Z34" s="27"/>
      <c r="AA34" s="27"/>
      <c r="AB34" s="27"/>
      <c r="AC34" s="27"/>
      <c r="AD34" s="27"/>
      <c r="AE34" s="27"/>
      <c r="AF34" s="27"/>
      <c r="AG34" s="27"/>
      <c r="AH34" s="27"/>
      <c r="AI34" s="27"/>
      <c r="AJ34" s="27"/>
      <c r="AK34" s="27"/>
      <c r="AL34" s="27"/>
      <c r="AM34" s="27"/>
      <c r="AN34" s="27"/>
      <c r="AO34" s="27"/>
      <c r="AP34" s="27"/>
      <c r="AQ34" s="27"/>
      <c r="AR34" s="27"/>
      <c r="AS34" s="27"/>
      <c r="AT34" s="27"/>
      <c r="AU34" s="27"/>
      <c r="AV34" s="27"/>
      <c r="AW34" s="27"/>
      <c r="AX34" s="27"/>
      <c r="AY34" s="27"/>
      <c r="AZ34" s="27"/>
      <c r="BA34" s="27"/>
      <c r="BB34" s="27"/>
      <c r="BC34" s="27"/>
      <c r="BD34" s="27"/>
      <c r="BE34" s="27"/>
      <c r="BF34" s="27"/>
      <c r="BG34" s="27"/>
      <c r="BH34" s="27"/>
      <c r="BI34" s="27"/>
      <c r="BJ34" s="27"/>
      <c r="BK34" s="27"/>
      <c r="BL34" s="27"/>
      <c r="BM34" s="27"/>
      <c r="BN34" s="27"/>
      <c r="BO34" s="27"/>
      <c r="BP34" s="27"/>
      <c r="BQ34" s="27"/>
      <c r="BR34" s="27"/>
      <c r="BS34" s="27"/>
      <c r="BT34" s="27"/>
      <c r="BU34" s="27"/>
      <c r="BV34" s="27"/>
      <c r="BW34" s="27"/>
      <c r="BX34" s="27"/>
      <c r="BY34" s="27"/>
      <c r="BZ34" s="27"/>
    </row>
    <row r="35" spans="2:78" s="29" customFormat="1">
      <c r="B35" s="691" t="s">
        <v>25</v>
      </c>
      <c r="C35" s="691"/>
      <c r="D35" s="709">
        <v>52856.868280000002</v>
      </c>
      <c r="E35" s="709">
        <v>25218.396069999999</v>
      </c>
      <c r="F35" s="709">
        <v>61.517610707428311</v>
      </c>
      <c r="G35" s="709">
        <v>67781.370657000007</v>
      </c>
      <c r="H35" s="710">
        <v>0.86999304129501365</v>
      </c>
      <c r="I35" s="709">
        <v>342</v>
      </c>
      <c r="J35" s="710">
        <v>29.166186275230196</v>
      </c>
      <c r="K35" s="710">
        <v>2.5</v>
      </c>
      <c r="L35" s="709">
        <v>16812.075977</v>
      </c>
      <c r="M35" s="710">
        <v>24.803387441182945</v>
      </c>
      <c r="N35" s="709">
        <v>258.97631799999999</v>
      </c>
      <c r="O35" s="709">
        <v>234.163534</v>
      </c>
      <c r="P35" s="41"/>
      <c r="Q35" s="27"/>
      <c r="R35" s="27"/>
      <c r="S35" s="27"/>
      <c r="T35" s="27"/>
      <c r="U35" s="27"/>
      <c r="V35" s="27"/>
      <c r="W35" s="27"/>
      <c r="X35" s="27"/>
      <c r="Y35" s="27"/>
      <c r="Z35" s="27"/>
      <c r="AA35" s="27"/>
      <c r="AB35" s="27"/>
      <c r="AC35" s="27"/>
      <c r="AD35" s="27"/>
      <c r="AE35" s="27"/>
      <c r="AF35" s="27"/>
      <c r="AG35" s="27"/>
      <c r="AH35" s="27"/>
      <c r="AI35" s="27"/>
      <c r="AJ35" s="27"/>
      <c r="AK35" s="27"/>
      <c r="AL35" s="27"/>
      <c r="AM35" s="27"/>
      <c r="AN35" s="27"/>
      <c r="AO35" s="27"/>
      <c r="AP35" s="27"/>
      <c r="AQ35" s="27"/>
      <c r="AR35" s="27"/>
      <c r="AS35" s="27"/>
      <c r="AT35" s="27"/>
      <c r="AU35" s="27"/>
      <c r="AV35" s="27"/>
      <c r="AW35" s="27"/>
      <c r="AX35" s="27"/>
      <c r="AY35" s="27"/>
      <c r="AZ35" s="27"/>
      <c r="BA35" s="27"/>
      <c r="BB35" s="27"/>
      <c r="BC35" s="27"/>
      <c r="BD35" s="27"/>
      <c r="BE35" s="27"/>
      <c r="BF35" s="27"/>
      <c r="BG35" s="27"/>
      <c r="BH35" s="27"/>
      <c r="BI35" s="27"/>
      <c r="BJ35" s="27"/>
      <c r="BK35" s="27"/>
      <c r="BL35" s="27"/>
      <c r="BM35" s="27"/>
      <c r="BN35" s="27"/>
      <c r="BO35" s="27"/>
      <c r="BP35" s="27"/>
      <c r="BQ35" s="27"/>
      <c r="BR35" s="27"/>
      <c r="BS35" s="27"/>
      <c r="BT35" s="27"/>
      <c r="BU35" s="27"/>
      <c r="BV35" s="27"/>
      <c r="BW35" s="27"/>
      <c r="BX35" s="27"/>
      <c r="BY35" s="27"/>
      <c r="BZ35" s="27"/>
    </row>
    <row r="36" spans="2:78" s="46" customFormat="1">
      <c r="B36" s="696"/>
      <c r="C36" s="682"/>
      <c r="D36" s="695"/>
      <c r="E36" s="695"/>
      <c r="F36" s="695"/>
      <c r="G36" s="695"/>
      <c r="H36" s="697"/>
      <c r="I36" s="695"/>
      <c r="J36" s="697"/>
      <c r="K36" s="697"/>
      <c r="L36" s="695"/>
      <c r="M36" s="698"/>
      <c r="N36" s="695"/>
      <c r="O36" s="695"/>
      <c r="P36" s="41"/>
      <c r="Q36" s="27"/>
      <c r="R36" s="27"/>
      <c r="S36" s="27"/>
      <c r="T36" s="27"/>
      <c r="U36" s="27"/>
      <c r="V36" s="27"/>
      <c r="W36" s="27"/>
      <c r="X36" s="27"/>
      <c r="Y36" s="27"/>
      <c r="Z36" s="27"/>
      <c r="AA36" s="27"/>
      <c r="AB36" s="27"/>
      <c r="AC36" s="27"/>
      <c r="AD36" s="27"/>
      <c r="AE36" s="27"/>
      <c r="AF36" s="27"/>
      <c r="AG36" s="27"/>
      <c r="AH36" s="27"/>
      <c r="AI36" s="27"/>
      <c r="AJ36" s="27"/>
      <c r="AK36" s="27"/>
      <c r="AL36" s="27"/>
      <c r="AM36" s="27"/>
      <c r="AN36" s="27"/>
      <c r="AO36" s="27"/>
      <c r="AP36" s="27"/>
      <c r="AQ36" s="27"/>
      <c r="AR36" s="27"/>
      <c r="AS36" s="27"/>
      <c r="AT36" s="27"/>
      <c r="AU36" s="27"/>
      <c r="AV36" s="27"/>
      <c r="AW36" s="27"/>
      <c r="AX36" s="27"/>
      <c r="AY36" s="27"/>
      <c r="AZ36" s="27"/>
      <c r="BA36" s="27"/>
      <c r="BB36" s="27"/>
      <c r="BC36" s="27"/>
      <c r="BD36" s="27"/>
      <c r="BE36" s="27"/>
      <c r="BF36" s="27"/>
      <c r="BG36" s="27"/>
      <c r="BH36" s="27"/>
      <c r="BI36" s="27"/>
      <c r="BJ36" s="27"/>
      <c r="BK36" s="27"/>
      <c r="BL36" s="27"/>
      <c r="BM36" s="27"/>
      <c r="BN36" s="27"/>
      <c r="BO36" s="27"/>
      <c r="BP36" s="27"/>
      <c r="BQ36" s="27"/>
      <c r="BR36" s="27"/>
      <c r="BS36" s="27"/>
      <c r="BT36" s="27"/>
      <c r="BU36" s="27"/>
      <c r="BV36" s="27"/>
      <c r="BW36" s="27"/>
      <c r="BX36" s="27"/>
      <c r="BY36" s="27"/>
      <c r="BZ36" s="27"/>
    </row>
    <row r="37" spans="2:78">
      <c r="B37" s="682"/>
      <c r="C37" s="682"/>
      <c r="D37" s="695"/>
      <c r="E37" s="695"/>
      <c r="F37" s="695"/>
      <c r="G37" s="695"/>
      <c r="H37" s="697"/>
      <c r="I37" s="695"/>
      <c r="J37" s="697"/>
      <c r="K37" s="697"/>
      <c r="L37" s="695"/>
      <c r="M37" s="698"/>
      <c r="N37" s="695"/>
      <c r="O37" s="695"/>
      <c r="P37" s="41"/>
    </row>
    <row r="38" spans="2:78">
      <c r="B38" s="691" t="s">
        <v>177</v>
      </c>
      <c r="C38" s="683" t="s">
        <v>646</v>
      </c>
      <c r="D38" s="683">
        <v>147191.51183599999</v>
      </c>
      <c r="E38" s="683">
        <v>241117.263871</v>
      </c>
      <c r="F38" s="683">
        <v>57.931998999999998</v>
      </c>
      <c r="G38" s="683">
        <v>288484.89473599999</v>
      </c>
      <c r="H38" s="684">
        <v>7.1891999999999998E-2</v>
      </c>
      <c r="I38" s="683">
        <v>3170</v>
      </c>
      <c r="J38" s="684">
        <v>28.921415</v>
      </c>
      <c r="K38" s="684">
        <v>1.9970479999999999</v>
      </c>
      <c r="L38" s="683">
        <v>39926.35817</v>
      </c>
      <c r="M38" s="703">
        <v>13.840016894658435</v>
      </c>
      <c r="N38" s="683">
        <v>59.85004</v>
      </c>
      <c r="O38" s="683" t="s">
        <v>560</v>
      </c>
      <c r="P38" s="41"/>
    </row>
    <row r="39" spans="2:78" s="29" customFormat="1">
      <c r="B39" s="682"/>
      <c r="C39" s="686" t="s">
        <v>647</v>
      </c>
      <c r="D39" s="683">
        <v>114981.961375</v>
      </c>
      <c r="E39" s="683">
        <v>94029.150773000001</v>
      </c>
      <c r="F39" s="683">
        <v>56.415435000000002</v>
      </c>
      <c r="G39" s="683">
        <v>172784.61156600001</v>
      </c>
      <c r="H39" s="684">
        <v>0.19541600000000001</v>
      </c>
      <c r="I39" s="683">
        <v>4429</v>
      </c>
      <c r="J39" s="684">
        <v>26.835139999999999</v>
      </c>
      <c r="K39" s="684">
        <v>1.9564589999999999</v>
      </c>
      <c r="L39" s="683">
        <v>40148.799373000002</v>
      </c>
      <c r="M39" s="703">
        <v>23.236328171310571</v>
      </c>
      <c r="N39" s="683">
        <v>89.350385000000003</v>
      </c>
      <c r="O39" s="683" t="s">
        <v>560</v>
      </c>
      <c r="P39" s="41"/>
      <c r="Q39" s="27"/>
      <c r="R39" s="27"/>
      <c r="S39" s="27"/>
      <c r="T39" s="27"/>
      <c r="U39" s="27"/>
      <c r="V39" s="27"/>
      <c r="W39" s="27"/>
      <c r="X39" s="27"/>
      <c r="Y39" s="27"/>
      <c r="Z39" s="27"/>
      <c r="AA39" s="27"/>
      <c r="AB39" s="27"/>
      <c r="AC39" s="27"/>
      <c r="AD39" s="27"/>
      <c r="AE39" s="27"/>
      <c r="AF39" s="27"/>
      <c r="AG39" s="27"/>
      <c r="AH39" s="27"/>
      <c r="AI39" s="27"/>
      <c r="AJ39" s="27"/>
      <c r="AK39" s="27"/>
      <c r="AL39" s="27"/>
      <c r="AM39" s="27"/>
      <c r="AN39" s="27"/>
      <c r="AO39" s="27"/>
      <c r="AP39" s="27"/>
      <c r="AQ39" s="27"/>
      <c r="AR39" s="27"/>
      <c r="AS39" s="27"/>
      <c r="AT39" s="27"/>
      <c r="AU39" s="27"/>
      <c r="AV39" s="27"/>
      <c r="AW39" s="27"/>
      <c r="AX39" s="27"/>
      <c r="AY39" s="27"/>
      <c r="AZ39" s="27"/>
      <c r="BA39" s="27"/>
      <c r="BB39" s="27"/>
      <c r="BC39" s="27"/>
      <c r="BD39" s="27"/>
      <c r="BE39" s="27"/>
      <c r="BF39" s="27"/>
      <c r="BG39" s="27"/>
      <c r="BH39" s="27"/>
      <c r="BI39" s="27"/>
      <c r="BJ39" s="27"/>
      <c r="BK39" s="27"/>
      <c r="BL39" s="27"/>
      <c r="BM39" s="27"/>
      <c r="BN39" s="27"/>
      <c r="BO39" s="27"/>
      <c r="BP39" s="27"/>
      <c r="BQ39" s="27"/>
      <c r="BR39" s="27"/>
      <c r="BS39" s="27"/>
      <c r="BT39" s="27"/>
      <c r="BU39" s="27"/>
      <c r="BV39" s="27"/>
      <c r="BW39" s="27"/>
      <c r="BX39" s="27"/>
      <c r="BY39" s="27"/>
      <c r="BZ39" s="27"/>
    </row>
    <row r="40" spans="2:78" s="29" customFormat="1">
      <c r="B40" s="682"/>
      <c r="C40" s="686" t="s">
        <v>648</v>
      </c>
      <c r="D40" s="683">
        <v>138119.63871500001</v>
      </c>
      <c r="E40" s="683">
        <v>47685.033723</v>
      </c>
      <c r="F40" s="683">
        <v>50.769058999999999</v>
      </c>
      <c r="G40" s="683">
        <v>156750.17907300001</v>
      </c>
      <c r="H40" s="684">
        <v>0.35421399999999997</v>
      </c>
      <c r="I40" s="683">
        <v>7794</v>
      </c>
      <c r="J40" s="684">
        <v>16.232741999999998</v>
      </c>
      <c r="K40" s="684">
        <v>2.1890010000000002</v>
      </c>
      <c r="L40" s="683">
        <v>30066.331010999998</v>
      </c>
      <c r="M40" s="703">
        <v>19.18105050265865</v>
      </c>
      <c r="N40" s="683">
        <v>92.991249999999994</v>
      </c>
      <c r="O40" s="683" t="s">
        <v>560</v>
      </c>
      <c r="P40" s="41"/>
      <c r="Q40" s="27"/>
      <c r="R40" s="27"/>
      <c r="S40" s="27"/>
      <c r="T40" s="27"/>
      <c r="U40" s="27"/>
      <c r="V40" s="27"/>
      <c r="W40" s="27"/>
      <c r="X40" s="27"/>
      <c r="Y40" s="27"/>
      <c r="Z40" s="27"/>
      <c r="AA40" s="27"/>
      <c r="AB40" s="27"/>
      <c r="AC40" s="27"/>
      <c r="AD40" s="27"/>
      <c r="AE40" s="27"/>
      <c r="AF40" s="27"/>
      <c r="AG40" s="27"/>
      <c r="AH40" s="27"/>
      <c r="AI40" s="27"/>
      <c r="AJ40" s="27"/>
      <c r="AK40" s="27"/>
      <c r="AL40" s="27"/>
      <c r="AM40" s="27"/>
      <c r="AN40" s="27"/>
      <c r="AO40" s="27"/>
      <c r="AP40" s="27"/>
      <c r="AQ40" s="27"/>
      <c r="AR40" s="27"/>
      <c r="AS40" s="27"/>
      <c r="AT40" s="27"/>
      <c r="AU40" s="27"/>
      <c r="AV40" s="27"/>
      <c r="AW40" s="27"/>
      <c r="AX40" s="27"/>
      <c r="AY40" s="27"/>
      <c r="AZ40" s="27"/>
      <c r="BA40" s="27"/>
      <c r="BB40" s="27"/>
      <c r="BC40" s="27"/>
      <c r="BD40" s="27"/>
      <c r="BE40" s="27"/>
      <c r="BF40" s="27"/>
      <c r="BG40" s="27"/>
      <c r="BH40" s="27"/>
      <c r="BI40" s="27"/>
      <c r="BJ40" s="27"/>
      <c r="BK40" s="27"/>
      <c r="BL40" s="27"/>
      <c r="BM40" s="27"/>
      <c r="BN40" s="27"/>
      <c r="BO40" s="27"/>
      <c r="BP40" s="27"/>
      <c r="BQ40" s="27"/>
      <c r="BR40" s="27"/>
      <c r="BS40" s="27"/>
      <c r="BT40" s="27"/>
      <c r="BU40" s="27"/>
      <c r="BV40" s="27"/>
      <c r="BW40" s="27"/>
      <c r="BX40" s="27"/>
      <c r="BY40" s="27"/>
      <c r="BZ40" s="27"/>
    </row>
    <row r="41" spans="2:78" s="29" customFormat="1">
      <c r="B41" s="682"/>
      <c r="C41" s="686" t="s">
        <v>649</v>
      </c>
      <c r="D41" s="683">
        <v>123090.829352</v>
      </c>
      <c r="E41" s="683">
        <v>19352.434024999999</v>
      </c>
      <c r="F41" s="683">
        <v>58.291981999999997</v>
      </c>
      <c r="G41" s="683">
        <v>136209.87835700001</v>
      </c>
      <c r="H41" s="684">
        <v>0.58857999999999999</v>
      </c>
      <c r="I41" s="683">
        <v>6305</v>
      </c>
      <c r="J41" s="684">
        <v>13.363771</v>
      </c>
      <c r="K41" s="684">
        <v>2.0638070000000002</v>
      </c>
      <c r="L41" s="683">
        <v>25593.199356000001</v>
      </c>
      <c r="M41" s="703">
        <v>18.789532495522366</v>
      </c>
      <c r="N41" s="683">
        <v>107.031689</v>
      </c>
      <c r="O41" s="683" t="s">
        <v>560</v>
      </c>
      <c r="P41" s="41"/>
      <c r="Q41" s="41"/>
      <c r="R41" s="41"/>
      <c r="S41" s="41"/>
      <c r="T41" s="41"/>
      <c r="U41" s="41"/>
      <c r="V41" s="41"/>
      <c r="W41" s="41"/>
      <c r="X41" s="41"/>
      <c r="Z41" s="41"/>
    </row>
    <row r="42" spans="2:78" s="29" customFormat="1">
      <c r="B42" s="682"/>
      <c r="C42" s="686" t="s">
        <v>650</v>
      </c>
      <c r="D42" s="683">
        <v>131451.048905</v>
      </c>
      <c r="E42" s="683">
        <v>27451.322958000001</v>
      </c>
      <c r="F42" s="683">
        <v>49.353107999999999</v>
      </c>
      <c r="G42" s="683">
        <v>138498.44842999999</v>
      </c>
      <c r="H42" s="684">
        <v>1.1325540000000001</v>
      </c>
      <c r="I42" s="683">
        <v>6668</v>
      </c>
      <c r="J42" s="684">
        <v>18.315145000000001</v>
      </c>
      <c r="K42" s="684">
        <v>2.103739</v>
      </c>
      <c r="L42" s="683">
        <v>51561.875323</v>
      </c>
      <c r="M42" s="703">
        <v>37.229207913517129</v>
      </c>
      <c r="N42" s="683">
        <v>295.10825899999998</v>
      </c>
      <c r="O42" s="683" t="s">
        <v>560</v>
      </c>
      <c r="P42" s="41"/>
      <c r="Q42" s="41"/>
      <c r="R42" s="41"/>
      <c r="S42" s="41"/>
      <c r="T42" s="41"/>
      <c r="U42" s="41"/>
      <c r="V42" s="41"/>
      <c r="W42" s="41"/>
      <c r="X42" s="41"/>
      <c r="Z42" s="41"/>
    </row>
    <row r="43" spans="2:78" s="29" customFormat="1">
      <c r="B43" s="682"/>
      <c r="C43" s="686" t="s">
        <v>651</v>
      </c>
      <c r="D43" s="683">
        <v>14771.014291</v>
      </c>
      <c r="E43" s="683">
        <v>7858.5082540000003</v>
      </c>
      <c r="F43" s="683">
        <v>51.665768999999997</v>
      </c>
      <c r="G43" s="683">
        <v>16877.185173000002</v>
      </c>
      <c r="H43" s="684">
        <v>4.2081790000000003</v>
      </c>
      <c r="I43" s="683">
        <v>10772</v>
      </c>
      <c r="J43" s="684">
        <v>27.414363999999999</v>
      </c>
      <c r="K43" s="684">
        <v>2.0574029999999999</v>
      </c>
      <c r="L43" s="683">
        <v>13746.357459000001</v>
      </c>
      <c r="M43" s="703">
        <v>81.44934903594779</v>
      </c>
      <c r="N43" s="683">
        <v>195.99646000000001</v>
      </c>
      <c r="O43" s="683" t="s">
        <v>560</v>
      </c>
      <c r="P43" s="41"/>
      <c r="Q43" s="41"/>
      <c r="R43" s="41"/>
      <c r="S43" s="41"/>
      <c r="T43" s="41"/>
      <c r="U43" s="41"/>
      <c r="V43" s="41"/>
      <c r="W43" s="41"/>
      <c r="X43" s="41"/>
      <c r="Z43" s="41"/>
    </row>
    <row r="44" spans="2:78" s="29" customFormat="1">
      <c r="B44" s="682"/>
      <c r="C44" s="686" t="s">
        <v>652</v>
      </c>
      <c r="D44" s="683">
        <v>2438.0844299999999</v>
      </c>
      <c r="E44" s="683">
        <v>504.10362500000002</v>
      </c>
      <c r="F44" s="683">
        <v>49.716732</v>
      </c>
      <c r="G44" s="683">
        <v>2200.6803829999999</v>
      </c>
      <c r="H44" s="684">
        <v>20.121254</v>
      </c>
      <c r="I44" s="683">
        <v>267</v>
      </c>
      <c r="J44" s="684">
        <v>27.999527</v>
      </c>
      <c r="K44" s="684">
        <v>1.4082840000000001</v>
      </c>
      <c r="L44" s="683">
        <v>2938.6768910000001</v>
      </c>
      <c r="M44" s="703">
        <v>133.53492463971313</v>
      </c>
      <c r="N44" s="683">
        <v>123.989163</v>
      </c>
      <c r="O44" s="683" t="s">
        <v>560</v>
      </c>
      <c r="P44" s="41"/>
      <c r="Q44" s="41"/>
      <c r="R44" s="41"/>
      <c r="S44" s="41"/>
      <c r="T44" s="41"/>
      <c r="U44" s="41"/>
      <c r="V44" s="41"/>
      <c r="W44" s="41"/>
      <c r="X44" s="41"/>
      <c r="Z44" s="41"/>
    </row>
    <row r="45" spans="2:78" s="29" customFormat="1">
      <c r="B45" s="705"/>
      <c r="C45" s="687" t="s">
        <v>653</v>
      </c>
      <c r="D45" s="688">
        <v>9165.0817719999995</v>
      </c>
      <c r="E45" s="688">
        <v>432.394746</v>
      </c>
      <c r="F45" s="688">
        <v>59.938487000000002</v>
      </c>
      <c r="G45" s="688">
        <v>9295.9918319999997</v>
      </c>
      <c r="H45" s="689">
        <v>100</v>
      </c>
      <c r="I45" s="688">
        <v>239</v>
      </c>
      <c r="J45" s="689">
        <v>2.4219029999999999</v>
      </c>
      <c r="K45" s="689">
        <v>1.57199</v>
      </c>
      <c r="L45" s="688">
        <v>2814.2502749999999</v>
      </c>
      <c r="M45" s="703">
        <v>30.273803224658426</v>
      </c>
      <c r="N45" s="688">
        <v>4609.9117120000001</v>
      </c>
      <c r="O45" s="683" t="s">
        <v>560</v>
      </c>
      <c r="P45" s="41"/>
      <c r="Q45" s="41"/>
      <c r="R45" s="41"/>
      <c r="S45" s="41"/>
      <c r="T45" s="41"/>
      <c r="U45" s="41"/>
      <c r="V45" s="41"/>
      <c r="W45" s="41"/>
      <c r="X45" s="41"/>
      <c r="Z45" s="41"/>
    </row>
    <row r="46" spans="2:78" s="29" customFormat="1">
      <c r="B46" s="692" t="s">
        <v>25</v>
      </c>
      <c r="C46" s="692"/>
      <c r="D46" s="709">
        <v>681209.17067599995</v>
      </c>
      <c r="E46" s="709">
        <v>438430.21197499998</v>
      </c>
      <c r="F46" s="709">
        <v>56.186639548016977</v>
      </c>
      <c r="G46" s="709">
        <v>921101.86954999994</v>
      </c>
      <c r="H46" s="710">
        <v>1.5111867840048823</v>
      </c>
      <c r="I46" s="709">
        <v>39644</v>
      </c>
      <c r="J46" s="710">
        <v>22.178091891121365</v>
      </c>
      <c r="K46" s="710">
        <v>2.0434238598234851</v>
      </c>
      <c r="L46" s="709">
        <v>206795.84785799999</v>
      </c>
      <c r="M46" s="710">
        <v>22.450920435003475</v>
      </c>
      <c r="N46" s="709">
        <v>5574.2289579999997</v>
      </c>
      <c r="O46" s="709">
        <v>5766.473465</v>
      </c>
      <c r="P46" s="41"/>
      <c r="Q46" s="41"/>
      <c r="R46" s="41"/>
      <c r="S46" s="41"/>
      <c r="T46" s="41"/>
      <c r="U46" s="41"/>
      <c r="V46" s="41"/>
      <c r="W46" s="41"/>
      <c r="X46" s="41"/>
      <c r="Z46" s="41"/>
    </row>
    <row r="47" spans="2:78" s="46" customFormat="1">
      <c r="B47" s="696"/>
      <c r="C47" s="682"/>
      <c r="D47" s="695"/>
      <c r="E47" s="695"/>
      <c r="F47" s="695"/>
      <c r="G47" s="695"/>
      <c r="H47" s="697"/>
      <c r="I47" s="695"/>
      <c r="J47" s="697"/>
      <c r="K47" s="697"/>
      <c r="L47" s="695"/>
      <c r="M47" s="697"/>
      <c r="N47" s="695"/>
      <c r="O47" s="695"/>
      <c r="P47" s="41"/>
      <c r="Q47" s="41"/>
      <c r="R47" s="41"/>
      <c r="S47" s="41"/>
      <c r="T47" s="41"/>
      <c r="U47" s="41"/>
      <c r="V47" s="41"/>
      <c r="W47" s="41"/>
      <c r="X47" s="41"/>
      <c r="Z47" s="41"/>
    </row>
    <row r="48" spans="2:78">
      <c r="B48" s="691" t="s">
        <v>178</v>
      </c>
      <c r="C48" s="683" t="s">
        <v>646</v>
      </c>
      <c r="D48" s="683">
        <v>65988.560391000006</v>
      </c>
      <c r="E48" s="683">
        <v>32807.387486</v>
      </c>
      <c r="F48" s="683">
        <v>51.178140999999997</v>
      </c>
      <c r="G48" s="683">
        <v>81559.704314999995</v>
      </c>
      <c r="H48" s="684">
        <v>6.2510999999999997E-2</v>
      </c>
      <c r="I48" s="683">
        <v>1848</v>
      </c>
      <c r="J48" s="684">
        <v>40.287165000000002</v>
      </c>
      <c r="K48" s="684">
        <v>1.540737</v>
      </c>
      <c r="L48" s="683">
        <v>14414.007242</v>
      </c>
      <c r="M48" s="703">
        <v>17.672951812490886</v>
      </c>
      <c r="N48" s="683">
        <v>20.427762000000001</v>
      </c>
      <c r="O48" s="683" t="s">
        <v>560</v>
      </c>
      <c r="P48" s="41"/>
      <c r="Q48" s="41"/>
      <c r="R48" s="41"/>
      <c r="S48" s="41"/>
      <c r="T48" s="41"/>
      <c r="U48" s="41"/>
      <c r="V48" s="41"/>
      <c r="W48" s="41"/>
    </row>
    <row r="49" spans="2:26" s="29" customFormat="1">
      <c r="B49" s="682"/>
      <c r="C49" s="686" t="s">
        <v>647</v>
      </c>
      <c r="D49" s="683">
        <v>6559.5933859999996</v>
      </c>
      <c r="E49" s="683">
        <v>4962.3219909999998</v>
      </c>
      <c r="F49" s="683">
        <v>24.842409</v>
      </c>
      <c r="G49" s="683">
        <v>7372.3745790000003</v>
      </c>
      <c r="H49" s="684">
        <v>0.210068</v>
      </c>
      <c r="I49" s="683">
        <v>2116</v>
      </c>
      <c r="J49" s="684">
        <v>35.261336999999997</v>
      </c>
      <c r="K49" s="684">
        <v>1.111183</v>
      </c>
      <c r="L49" s="683">
        <v>2120.3252870000001</v>
      </c>
      <c r="M49" s="703">
        <v>28.760411781567456</v>
      </c>
      <c r="N49" s="683">
        <v>5.4702159999999997</v>
      </c>
      <c r="O49" s="683" t="s">
        <v>560</v>
      </c>
      <c r="P49" s="41"/>
      <c r="Q49" s="41"/>
      <c r="R49" s="41"/>
      <c r="S49" s="41"/>
      <c r="T49" s="41"/>
      <c r="U49" s="41"/>
      <c r="V49" s="41"/>
      <c r="W49" s="41"/>
      <c r="X49" s="41"/>
      <c r="Z49" s="41"/>
    </row>
    <row r="50" spans="2:26" s="29" customFormat="1">
      <c r="B50" s="682"/>
      <c r="C50" s="686" t="s">
        <v>648</v>
      </c>
      <c r="D50" s="683">
        <v>1695.9093359999999</v>
      </c>
      <c r="E50" s="683">
        <v>2431.7495479999998</v>
      </c>
      <c r="F50" s="683">
        <v>37.166454000000002</v>
      </c>
      <c r="G50" s="683">
        <v>2410.65119</v>
      </c>
      <c r="H50" s="684">
        <v>0.378992</v>
      </c>
      <c r="I50" s="683">
        <v>364</v>
      </c>
      <c r="J50" s="684">
        <v>43.097763</v>
      </c>
      <c r="K50" s="684">
        <v>1.5586279999999999</v>
      </c>
      <c r="L50" s="683">
        <v>1532.9547909999999</v>
      </c>
      <c r="M50" s="703">
        <v>63.590900141799445</v>
      </c>
      <c r="N50" s="683">
        <v>4.0143259999999996</v>
      </c>
      <c r="O50" s="683" t="s">
        <v>560</v>
      </c>
      <c r="P50" s="41"/>
      <c r="Q50" s="41"/>
      <c r="R50" s="41"/>
      <c r="S50" s="41"/>
      <c r="T50" s="41"/>
      <c r="U50" s="41"/>
      <c r="V50" s="41"/>
      <c r="W50" s="41"/>
      <c r="X50" s="41"/>
      <c r="Z50" s="41"/>
    </row>
    <row r="51" spans="2:26" s="29" customFormat="1">
      <c r="B51" s="682"/>
      <c r="C51" s="686" t="s">
        <v>649</v>
      </c>
      <c r="D51" s="683">
        <v>3.4765999999999998E-2</v>
      </c>
      <c r="E51" s="683"/>
      <c r="F51" s="683"/>
      <c r="G51" s="683">
        <v>3.4765999999999998E-2</v>
      </c>
      <c r="H51" s="684">
        <v>0.64964</v>
      </c>
      <c r="I51" s="683">
        <v>4</v>
      </c>
      <c r="J51" s="684">
        <v>39.736635999999997</v>
      </c>
      <c r="K51" s="684">
        <v>1</v>
      </c>
      <c r="L51" s="683">
        <v>2.2967000000000001E-2</v>
      </c>
      <c r="M51" s="703">
        <v>66.061669447161023</v>
      </c>
      <c r="N51" s="683">
        <v>8.8999999999999995E-5</v>
      </c>
      <c r="O51" s="683" t="s">
        <v>560</v>
      </c>
      <c r="P51" s="41"/>
      <c r="Q51" s="41"/>
      <c r="R51" s="41"/>
      <c r="S51" s="41"/>
      <c r="T51" s="41"/>
      <c r="U51" s="41"/>
      <c r="V51" s="41"/>
      <c r="W51" s="41"/>
      <c r="X51" s="41"/>
      <c r="Z51" s="41"/>
    </row>
    <row r="52" spans="2:26" s="29" customFormat="1">
      <c r="B52" s="682"/>
      <c r="C52" s="686" t="s">
        <v>650</v>
      </c>
      <c r="D52" s="683">
        <v>1551.4161079999999</v>
      </c>
      <c r="E52" s="683">
        <v>2184.7099760000001</v>
      </c>
      <c r="F52" s="683">
        <v>15.490893</v>
      </c>
      <c r="G52" s="683">
        <v>1889.8471950000001</v>
      </c>
      <c r="H52" s="684">
        <v>1.1241289999999999</v>
      </c>
      <c r="I52" s="683">
        <v>188</v>
      </c>
      <c r="J52" s="684">
        <v>35.462344000000002</v>
      </c>
      <c r="K52" s="684">
        <v>1.2897540000000001</v>
      </c>
      <c r="L52" s="683">
        <v>1434.359203</v>
      </c>
      <c r="M52" s="703">
        <v>75.898157628558963</v>
      </c>
      <c r="N52" s="683">
        <v>8.0474589999999999</v>
      </c>
      <c r="O52" s="683" t="s">
        <v>560</v>
      </c>
      <c r="P52" s="41"/>
      <c r="Q52" s="41"/>
      <c r="R52" s="41"/>
      <c r="S52" s="41"/>
      <c r="T52" s="41"/>
      <c r="U52" s="41"/>
      <c r="V52" s="41"/>
      <c r="W52" s="41"/>
      <c r="X52" s="41"/>
      <c r="Z52" s="41"/>
    </row>
    <row r="53" spans="2:26" s="29" customFormat="1">
      <c r="B53" s="682"/>
      <c r="C53" s="686" t="s">
        <v>651</v>
      </c>
      <c r="D53" s="683">
        <v>1022.623832</v>
      </c>
      <c r="E53" s="683">
        <v>1287.8616939999999</v>
      </c>
      <c r="F53" s="683">
        <v>13.782708</v>
      </c>
      <c r="G53" s="683">
        <v>970.25938599999995</v>
      </c>
      <c r="H53" s="684">
        <v>5.3395400000000004</v>
      </c>
      <c r="I53" s="683">
        <v>152</v>
      </c>
      <c r="J53" s="684">
        <v>54.971541999999999</v>
      </c>
      <c r="K53" s="684">
        <v>0.75674399999999997</v>
      </c>
      <c r="L53" s="683">
        <v>1953.848522</v>
      </c>
      <c r="M53" s="703">
        <v>201.3738336564775</v>
      </c>
      <c r="N53" s="683">
        <v>28.689197</v>
      </c>
      <c r="O53" s="683" t="s">
        <v>560</v>
      </c>
      <c r="P53" s="41"/>
      <c r="Q53" s="41"/>
      <c r="R53" s="41"/>
      <c r="S53" s="41"/>
      <c r="T53" s="41"/>
      <c r="U53" s="41"/>
      <c r="V53" s="41"/>
      <c r="W53" s="41"/>
      <c r="X53" s="41"/>
      <c r="Z53" s="41"/>
    </row>
    <row r="54" spans="2:26" s="29" customFormat="1">
      <c r="B54" s="682"/>
      <c r="C54" s="686" t="s">
        <v>652</v>
      </c>
      <c r="D54" s="683">
        <v>347.82558999999998</v>
      </c>
      <c r="E54" s="683">
        <v>729.68260899999996</v>
      </c>
      <c r="F54" s="683">
        <v>18.910693999999999</v>
      </c>
      <c r="G54" s="683">
        <v>413.74631399999998</v>
      </c>
      <c r="H54" s="684">
        <v>12.195225000000001</v>
      </c>
      <c r="I54" s="683">
        <v>147</v>
      </c>
      <c r="J54" s="684">
        <v>53.988121</v>
      </c>
      <c r="K54" s="684">
        <v>0.98226599999999997</v>
      </c>
      <c r="L54" s="683">
        <v>1145.8150559999999</v>
      </c>
      <c r="M54" s="703">
        <v>276.93661966980085</v>
      </c>
      <c r="N54" s="683">
        <v>27.055016999999999</v>
      </c>
      <c r="O54" s="683" t="s">
        <v>560</v>
      </c>
      <c r="P54" s="41"/>
      <c r="Q54" s="41"/>
      <c r="R54" s="41"/>
      <c r="S54" s="41"/>
      <c r="T54" s="41"/>
      <c r="U54" s="41"/>
      <c r="V54" s="41"/>
      <c r="W54" s="41"/>
      <c r="X54" s="41"/>
      <c r="Z54" s="41"/>
    </row>
    <row r="55" spans="2:26" s="29" customFormat="1">
      <c r="B55" s="705"/>
      <c r="C55" s="687" t="s">
        <v>653</v>
      </c>
      <c r="D55" s="688">
        <v>0.14787</v>
      </c>
      <c r="E55" s="688"/>
      <c r="F55" s="688"/>
      <c r="G55" s="688">
        <v>0.14787</v>
      </c>
      <c r="H55" s="689">
        <v>100</v>
      </c>
      <c r="I55" s="688">
        <v>22</v>
      </c>
      <c r="J55" s="689">
        <v>49.765765000000002</v>
      </c>
      <c r="K55" s="689">
        <v>1</v>
      </c>
      <c r="L55" s="688">
        <v>0.91986100000000004</v>
      </c>
      <c r="M55" s="703">
        <v>622.07411915872046</v>
      </c>
      <c r="N55" s="688">
        <v>1.756E-3</v>
      </c>
      <c r="O55" s="683" t="s">
        <v>560</v>
      </c>
      <c r="P55" s="308"/>
      <c r="Q55" s="41"/>
      <c r="R55" s="41"/>
      <c r="S55" s="41"/>
      <c r="T55" s="41"/>
      <c r="U55" s="41"/>
      <c r="V55" s="41"/>
      <c r="W55" s="41"/>
      <c r="X55" s="41"/>
      <c r="Z55" s="41"/>
    </row>
    <row r="56" spans="2:26" s="29" customFormat="1">
      <c r="B56" s="692" t="s">
        <v>25</v>
      </c>
      <c r="C56" s="692"/>
      <c r="D56" s="709">
        <v>77166.111279000004</v>
      </c>
      <c r="E56" s="709">
        <v>44403.713303999997</v>
      </c>
      <c r="F56" s="709">
        <v>44.096960877900543</v>
      </c>
      <c r="G56" s="709">
        <v>94616.765614999997</v>
      </c>
      <c r="H56" s="710">
        <v>0.21060121705389689</v>
      </c>
      <c r="I56" s="709">
        <v>4841</v>
      </c>
      <c r="J56" s="710">
        <v>40.081310018983032</v>
      </c>
      <c r="K56" s="710">
        <v>1.4922269483114499</v>
      </c>
      <c r="L56" s="709">
        <v>22602.252928999998</v>
      </c>
      <c r="M56" s="710">
        <v>23.888211335578319</v>
      </c>
      <c r="N56" s="709">
        <v>93.705821999999998</v>
      </c>
      <c r="O56" s="709">
        <v>13.292386</v>
      </c>
      <c r="P56" s="41"/>
      <c r="Q56" s="41"/>
      <c r="R56" s="41"/>
      <c r="S56" s="41"/>
      <c r="T56" s="41"/>
      <c r="U56" s="41"/>
      <c r="V56" s="41"/>
      <c r="W56" s="41"/>
      <c r="X56" s="41"/>
      <c r="Z56" s="41"/>
    </row>
    <row r="57" spans="2:26" s="46" customFormat="1">
      <c r="B57" s="696"/>
      <c r="C57" s="682"/>
      <c r="D57" s="695"/>
      <c r="E57" s="695"/>
      <c r="F57" s="695"/>
      <c r="G57" s="695"/>
      <c r="H57" s="697"/>
      <c r="I57" s="695"/>
      <c r="J57" s="697"/>
      <c r="K57" s="697"/>
      <c r="L57" s="695"/>
      <c r="M57" s="697"/>
      <c r="N57" s="695"/>
      <c r="O57" s="695"/>
      <c r="P57" s="41"/>
      <c r="Q57" s="41"/>
      <c r="R57" s="41"/>
      <c r="S57" s="41"/>
      <c r="T57" s="41"/>
      <c r="U57" s="41"/>
      <c r="V57" s="41"/>
      <c r="W57" s="41"/>
      <c r="X57" s="41"/>
      <c r="Z57" s="41"/>
    </row>
    <row r="58" spans="2:26">
      <c r="B58" s="691" t="s">
        <v>179</v>
      </c>
      <c r="C58" s="683" t="s">
        <v>646</v>
      </c>
      <c r="D58" s="683">
        <v>191686.21150599999</v>
      </c>
      <c r="E58" s="683">
        <v>4599.0527670000001</v>
      </c>
      <c r="F58" s="683">
        <v>58.614432000000001</v>
      </c>
      <c r="G58" s="683">
        <v>194381.36045800001</v>
      </c>
      <c r="H58" s="684">
        <v>9.1762999999999997E-2</v>
      </c>
      <c r="I58" s="683">
        <v>288341</v>
      </c>
      <c r="J58" s="684">
        <v>6.7428160000000004</v>
      </c>
      <c r="K58" s="684"/>
      <c r="L58" s="683">
        <v>3080.2796499999999</v>
      </c>
      <c r="M58" s="703">
        <v>1.5846579336322508</v>
      </c>
      <c r="N58" s="683">
        <v>12.012116000000001</v>
      </c>
      <c r="O58" s="683" t="s">
        <v>560</v>
      </c>
      <c r="P58" s="41"/>
      <c r="Q58" s="41"/>
      <c r="R58" s="41"/>
      <c r="S58" s="41"/>
      <c r="T58" s="41"/>
      <c r="U58" s="41"/>
      <c r="V58" s="41"/>
      <c r="W58" s="41"/>
    </row>
    <row r="59" spans="2:26" s="29" customFormat="1">
      <c r="B59" s="682"/>
      <c r="C59" s="686" t="s">
        <v>647</v>
      </c>
      <c r="D59" s="683">
        <v>191487.80039799999</v>
      </c>
      <c r="E59" s="683">
        <v>8737.0341750000007</v>
      </c>
      <c r="F59" s="683">
        <v>56.208812000000002</v>
      </c>
      <c r="G59" s="683">
        <v>196402.316934</v>
      </c>
      <c r="H59" s="684">
        <v>0.158695</v>
      </c>
      <c r="I59" s="683">
        <v>283605</v>
      </c>
      <c r="J59" s="684">
        <v>9.6770990000000001</v>
      </c>
      <c r="K59" s="684"/>
      <c r="L59" s="683">
        <v>6786.2608870000004</v>
      </c>
      <c r="M59" s="703">
        <v>3.4552855551497839</v>
      </c>
      <c r="N59" s="683">
        <v>30.160789999999999</v>
      </c>
      <c r="O59" s="683" t="s">
        <v>560</v>
      </c>
      <c r="P59" s="41"/>
      <c r="Q59" s="41"/>
      <c r="R59" s="41"/>
      <c r="S59" s="41"/>
      <c r="T59" s="41"/>
      <c r="U59" s="41"/>
      <c r="V59" s="41"/>
      <c r="W59" s="41"/>
      <c r="X59" s="41"/>
    </row>
    <row r="60" spans="2:26" s="29" customFormat="1">
      <c r="B60" s="682"/>
      <c r="C60" s="686" t="s">
        <v>648</v>
      </c>
      <c r="D60" s="683">
        <v>122034.599854</v>
      </c>
      <c r="E60" s="683">
        <v>30730.255239999999</v>
      </c>
      <c r="F60" s="683">
        <v>50.734569999999998</v>
      </c>
      <c r="G60" s="683">
        <v>137624.585376</v>
      </c>
      <c r="H60" s="684">
        <v>0.30132999999999999</v>
      </c>
      <c r="I60" s="683">
        <v>220676</v>
      </c>
      <c r="J60" s="684">
        <v>15.109821999999999</v>
      </c>
      <c r="K60" s="684"/>
      <c r="L60" s="683">
        <v>11970.023121</v>
      </c>
      <c r="M60" s="703">
        <v>8.6975906872286366</v>
      </c>
      <c r="N60" s="683">
        <v>63.211877999999999</v>
      </c>
      <c r="O60" s="683" t="s">
        <v>560</v>
      </c>
      <c r="P60" s="41"/>
      <c r="Q60" s="41"/>
      <c r="R60" s="41"/>
      <c r="S60" s="41"/>
      <c r="T60" s="41"/>
      <c r="U60" s="41"/>
      <c r="V60" s="41"/>
      <c r="W60" s="41"/>
      <c r="X60" s="41"/>
    </row>
    <row r="61" spans="2:26" s="29" customFormat="1">
      <c r="B61" s="682"/>
      <c r="C61" s="686" t="s">
        <v>649</v>
      </c>
      <c r="D61" s="683">
        <v>32823.439753999999</v>
      </c>
      <c r="E61" s="683">
        <v>7017.8308059999999</v>
      </c>
      <c r="F61" s="683">
        <v>52.256489999999999</v>
      </c>
      <c r="G61" s="683">
        <v>36494.400291999998</v>
      </c>
      <c r="H61" s="684">
        <v>0.66364599999999996</v>
      </c>
      <c r="I61" s="683">
        <v>57843</v>
      </c>
      <c r="J61" s="684">
        <v>14.521908</v>
      </c>
      <c r="K61" s="684"/>
      <c r="L61" s="683">
        <v>5319.200758</v>
      </c>
      <c r="M61" s="703">
        <v>14.575388869086392</v>
      </c>
      <c r="N61" s="683">
        <v>35.243926999999999</v>
      </c>
      <c r="O61" s="683" t="s">
        <v>560</v>
      </c>
      <c r="P61" s="41"/>
      <c r="Q61" s="41"/>
      <c r="R61" s="41"/>
      <c r="S61" s="41"/>
      <c r="T61" s="41"/>
      <c r="U61" s="41"/>
      <c r="V61" s="41"/>
      <c r="W61" s="41"/>
      <c r="X61" s="41"/>
    </row>
    <row r="62" spans="2:26" s="29" customFormat="1">
      <c r="B62" s="682"/>
      <c r="C62" s="686" t="s">
        <v>650</v>
      </c>
      <c r="D62" s="683">
        <v>23299.948111999998</v>
      </c>
      <c r="E62" s="683">
        <v>1820.96534</v>
      </c>
      <c r="F62" s="683">
        <v>73.021610999999993</v>
      </c>
      <c r="G62" s="683">
        <v>24627.172248999999</v>
      </c>
      <c r="H62" s="684">
        <v>1.347008</v>
      </c>
      <c r="I62" s="683">
        <v>34550</v>
      </c>
      <c r="J62" s="684">
        <v>13.797625999999999</v>
      </c>
      <c r="K62" s="684"/>
      <c r="L62" s="683">
        <v>5249.1246920000003</v>
      </c>
      <c r="M62" s="703">
        <v>21.314362196874406</v>
      </c>
      <c r="N62" s="683">
        <v>45.883190999999997</v>
      </c>
      <c r="O62" s="683" t="s">
        <v>560</v>
      </c>
      <c r="P62" s="41"/>
      <c r="Q62" s="41"/>
      <c r="R62" s="41"/>
      <c r="S62" s="41"/>
      <c r="T62" s="41"/>
      <c r="U62" s="41"/>
      <c r="V62" s="41"/>
      <c r="W62" s="41"/>
      <c r="X62" s="41"/>
    </row>
    <row r="63" spans="2:26" s="29" customFormat="1">
      <c r="B63" s="682"/>
      <c r="C63" s="686" t="s">
        <v>651</v>
      </c>
      <c r="D63" s="683">
        <v>13245.711079000001</v>
      </c>
      <c r="E63" s="683">
        <v>486.55322999999999</v>
      </c>
      <c r="F63" s="683">
        <v>63.888612000000002</v>
      </c>
      <c r="G63" s="683">
        <v>13558.894420000001</v>
      </c>
      <c r="H63" s="684">
        <v>4.3665919999999998</v>
      </c>
      <c r="I63" s="683">
        <v>17428</v>
      </c>
      <c r="J63" s="684">
        <v>11.688896</v>
      </c>
      <c r="K63" s="684"/>
      <c r="L63" s="683">
        <v>5016.3643359999996</v>
      </c>
      <c r="M63" s="703">
        <v>36.996853730202581</v>
      </c>
      <c r="N63" s="683">
        <v>71.229231999999996</v>
      </c>
      <c r="O63" s="683" t="s">
        <v>560</v>
      </c>
      <c r="P63" s="41"/>
      <c r="Q63" s="41"/>
      <c r="R63" s="41"/>
      <c r="S63" s="41"/>
      <c r="T63" s="41"/>
      <c r="U63" s="41"/>
      <c r="V63" s="41"/>
      <c r="W63" s="41"/>
      <c r="X63" s="41"/>
    </row>
    <row r="64" spans="2:26" s="29" customFormat="1">
      <c r="B64" s="682"/>
      <c r="C64" s="686" t="s">
        <v>652</v>
      </c>
      <c r="D64" s="683">
        <v>4834.70957</v>
      </c>
      <c r="E64" s="683">
        <v>35.110398000000004</v>
      </c>
      <c r="F64" s="683">
        <v>65.591808</v>
      </c>
      <c r="G64" s="683">
        <v>4858.320127</v>
      </c>
      <c r="H64" s="684">
        <v>24.541768000000001</v>
      </c>
      <c r="I64" s="683">
        <v>8266</v>
      </c>
      <c r="J64" s="684">
        <v>11.234030000000001</v>
      </c>
      <c r="K64" s="684"/>
      <c r="L64" s="683">
        <v>3026.468648</v>
      </c>
      <c r="M64" s="703">
        <v>62.294549739126317</v>
      </c>
      <c r="N64" s="683">
        <v>125.026483</v>
      </c>
      <c r="O64" s="683" t="s">
        <v>560</v>
      </c>
      <c r="P64" s="41"/>
      <c r="Q64" s="41"/>
      <c r="R64" s="41"/>
      <c r="S64" s="41"/>
      <c r="T64" s="41"/>
      <c r="U64" s="41"/>
      <c r="V64" s="41"/>
      <c r="W64" s="41"/>
      <c r="X64" s="41"/>
    </row>
    <row r="65" spans="1:24" s="29" customFormat="1">
      <c r="B65" s="705"/>
      <c r="C65" s="687" t="s">
        <v>653</v>
      </c>
      <c r="D65" s="688">
        <v>1088.0743729999999</v>
      </c>
      <c r="E65" s="688">
        <v>0.704322</v>
      </c>
      <c r="F65" s="688">
        <v>100.226884</v>
      </c>
      <c r="G65" s="688">
        <v>1088.809546</v>
      </c>
      <c r="H65" s="689">
        <v>100</v>
      </c>
      <c r="I65" s="688">
        <v>2792</v>
      </c>
      <c r="J65" s="689">
        <v>17.313842999999999</v>
      </c>
      <c r="K65" s="689"/>
      <c r="L65" s="688">
        <v>369.71848299999999</v>
      </c>
      <c r="M65" s="703">
        <v>33.956212485300895</v>
      </c>
      <c r="N65" s="688">
        <v>164.874244</v>
      </c>
      <c r="O65" s="683" t="s">
        <v>560</v>
      </c>
      <c r="P65" s="41"/>
      <c r="Q65" s="41"/>
      <c r="R65" s="41"/>
      <c r="S65" s="41"/>
      <c r="T65" s="41"/>
      <c r="U65" s="41"/>
      <c r="V65" s="41"/>
      <c r="W65" s="41"/>
      <c r="X65" s="41"/>
    </row>
    <row r="66" spans="1:24" s="29" customFormat="1">
      <c r="B66" s="692" t="s">
        <v>25</v>
      </c>
      <c r="C66" s="692"/>
      <c r="D66" s="709">
        <v>580500.49464599998</v>
      </c>
      <c r="E66" s="709">
        <v>53427.506278000001</v>
      </c>
      <c r="F66" s="709">
        <v>53.39779970555638</v>
      </c>
      <c r="G66" s="709">
        <v>609035.85940199997</v>
      </c>
      <c r="H66" s="710">
        <v>0.71455027286397643</v>
      </c>
      <c r="I66" s="709">
        <v>913501</v>
      </c>
      <c r="J66" s="710">
        <v>10.496013716429356</v>
      </c>
      <c r="K66" s="710"/>
      <c r="L66" s="709">
        <v>40817.440575000001</v>
      </c>
      <c r="M66" s="710">
        <v>6.7019765658918375</v>
      </c>
      <c r="N66" s="709">
        <v>547.64186099999995</v>
      </c>
      <c r="O66" s="709">
        <v>596.77306899999996</v>
      </c>
      <c r="P66" s="41"/>
      <c r="Q66" s="41"/>
      <c r="R66" s="41"/>
      <c r="S66" s="41"/>
      <c r="T66" s="41"/>
      <c r="U66" s="41"/>
      <c r="V66" s="41"/>
      <c r="W66" s="41"/>
      <c r="X66" s="41"/>
    </row>
    <row r="67" spans="1:24" s="46" customFormat="1">
      <c r="B67" s="692"/>
      <c r="C67" s="692"/>
      <c r="D67" s="712"/>
      <c r="E67" s="712"/>
      <c r="F67" s="712"/>
      <c r="G67" s="712"/>
      <c r="H67" s="713"/>
      <c r="I67" s="712"/>
      <c r="J67" s="713"/>
      <c r="K67" s="713"/>
      <c r="L67" s="712"/>
      <c r="M67" s="714"/>
      <c r="N67" s="712"/>
      <c r="O67" s="715"/>
      <c r="P67" s="41"/>
      <c r="Q67" s="41"/>
      <c r="R67" s="41"/>
      <c r="S67" s="41"/>
      <c r="T67" s="41"/>
      <c r="U67" s="41"/>
      <c r="V67" s="41"/>
      <c r="W67" s="41"/>
      <c r="X67" s="41"/>
    </row>
    <row r="68" spans="1:24" s="46" customFormat="1">
      <c r="B68" s="691" t="s">
        <v>180</v>
      </c>
      <c r="C68" s="683" t="s">
        <v>646</v>
      </c>
      <c r="D68" s="683">
        <v>5721.4343010000002</v>
      </c>
      <c r="E68" s="683">
        <v>28466.000505</v>
      </c>
      <c r="F68" s="683">
        <v>80.633574999999993</v>
      </c>
      <c r="G68" s="683">
        <v>28986.288458999999</v>
      </c>
      <c r="H68" s="684">
        <v>5.8982E-2</v>
      </c>
      <c r="I68" s="683">
        <v>1002117</v>
      </c>
      <c r="J68" s="684">
        <v>42.749955999999997</v>
      </c>
      <c r="K68" s="684"/>
      <c r="L68" s="683">
        <v>2322.0810740000002</v>
      </c>
      <c r="M68" s="703">
        <v>8.0109637951215973</v>
      </c>
      <c r="N68" s="683">
        <v>8.2631420000000002</v>
      </c>
      <c r="O68" s="683" t="s">
        <v>560</v>
      </c>
      <c r="P68" s="41"/>
      <c r="Q68" s="41"/>
      <c r="R68" s="41"/>
      <c r="S68" s="41"/>
      <c r="T68" s="41"/>
      <c r="U68" s="41"/>
      <c r="V68" s="41"/>
      <c r="W68" s="41"/>
      <c r="X68" s="41"/>
    </row>
    <row r="69" spans="1:24" s="29" customFormat="1">
      <c r="A69" s="37"/>
      <c r="B69" s="682"/>
      <c r="C69" s="686" t="s">
        <v>647</v>
      </c>
      <c r="D69" s="683">
        <v>1384.202438</v>
      </c>
      <c r="E69" s="683">
        <v>2861.9010189999999</v>
      </c>
      <c r="F69" s="683">
        <v>75.530343999999999</v>
      </c>
      <c r="G69" s="683">
        <v>3887.3896129999998</v>
      </c>
      <c r="H69" s="684">
        <v>0.16994600000000001</v>
      </c>
      <c r="I69" s="683">
        <v>83914</v>
      </c>
      <c r="J69" s="684">
        <v>47.628993999999999</v>
      </c>
      <c r="K69" s="684"/>
      <c r="L69" s="683">
        <v>727.78833999999995</v>
      </c>
      <c r="M69" s="703">
        <v>18.721775084395176</v>
      </c>
      <c r="N69" s="683">
        <v>3.2805200000000001</v>
      </c>
      <c r="O69" s="683" t="s">
        <v>560</v>
      </c>
      <c r="P69" s="41"/>
      <c r="Q69" s="41"/>
      <c r="R69" s="41"/>
      <c r="S69" s="41"/>
      <c r="T69" s="41"/>
      <c r="U69" s="41"/>
      <c r="V69" s="41"/>
      <c r="W69" s="41"/>
    </row>
    <row r="70" spans="1:24" s="29" customFormat="1">
      <c r="A70" s="37"/>
      <c r="B70" s="682"/>
      <c r="C70" s="686" t="s">
        <v>648</v>
      </c>
      <c r="D70" s="683">
        <v>4706.3584000000001</v>
      </c>
      <c r="E70" s="683">
        <v>2980.1456349999999</v>
      </c>
      <c r="F70" s="683">
        <v>69.627208999999993</v>
      </c>
      <c r="G70" s="683">
        <v>6885.0651340000004</v>
      </c>
      <c r="H70" s="684">
        <v>0.32377499999999998</v>
      </c>
      <c r="I70" s="683">
        <v>54276</v>
      </c>
      <c r="J70" s="684">
        <v>50.199063000000002</v>
      </c>
      <c r="K70" s="684"/>
      <c r="L70" s="683">
        <v>1908.304676</v>
      </c>
      <c r="M70" s="703">
        <v>27.716581308379528</v>
      </c>
      <c r="N70" s="683">
        <v>11.273816999999999</v>
      </c>
      <c r="O70" s="683" t="s">
        <v>560</v>
      </c>
      <c r="P70" s="41"/>
      <c r="Q70" s="41"/>
      <c r="R70" s="41"/>
      <c r="S70" s="41"/>
      <c r="T70" s="41"/>
      <c r="U70" s="41"/>
      <c r="V70" s="41"/>
      <c r="W70" s="41"/>
    </row>
    <row r="71" spans="1:24" s="29" customFormat="1">
      <c r="A71" s="37"/>
      <c r="B71" s="682"/>
      <c r="C71" s="686" t="s">
        <v>649</v>
      </c>
      <c r="D71" s="683">
        <v>6264.9893659999998</v>
      </c>
      <c r="E71" s="683">
        <v>5519.2880519999999</v>
      </c>
      <c r="F71" s="683">
        <v>69.303877999999997</v>
      </c>
      <c r="G71" s="683">
        <v>10383.306707</v>
      </c>
      <c r="H71" s="684">
        <v>0.67571199999999998</v>
      </c>
      <c r="I71" s="683">
        <v>302435</v>
      </c>
      <c r="J71" s="684">
        <v>43.482641000000001</v>
      </c>
      <c r="K71" s="684"/>
      <c r="L71" s="683">
        <v>3991.850191</v>
      </c>
      <c r="M71" s="703">
        <v>38.444883731584838</v>
      </c>
      <c r="N71" s="683">
        <v>30.072303000000002</v>
      </c>
      <c r="O71" s="683" t="s">
        <v>560</v>
      </c>
      <c r="P71" s="41"/>
      <c r="Q71" s="41"/>
      <c r="R71" s="41"/>
      <c r="S71" s="41"/>
      <c r="T71" s="41"/>
      <c r="U71" s="41"/>
      <c r="V71" s="41"/>
      <c r="W71" s="41"/>
    </row>
    <row r="72" spans="1:24" s="29" customFormat="1">
      <c r="B72" s="682"/>
      <c r="C72" s="686" t="s">
        <v>650</v>
      </c>
      <c r="D72" s="683">
        <v>7019.7977460000002</v>
      </c>
      <c r="E72" s="683">
        <v>3515.095362</v>
      </c>
      <c r="F72" s="683">
        <v>70.854320000000001</v>
      </c>
      <c r="G72" s="683">
        <v>9588.959261</v>
      </c>
      <c r="H72" s="684">
        <v>1.3231599999999999</v>
      </c>
      <c r="I72" s="683">
        <v>676331</v>
      </c>
      <c r="J72" s="684">
        <v>48.254109</v>
      </c>
      <c r="K72" s="684"/>
      <c r="L72" s="683">
        <v>5108.0358249999999</v>
      </c>
      <c r="M72" s="703">
        <v>53.269971077834157</v>
      </c>
      <c r="N72" s="683">
        <v>62.062432999999999</v>
      </c>
      <c r="O72" s="683" t="s">
        <v>560</v>
      </c>
      <c r="P72" s="41"/>
      <c r="Q72" s="41"/>
      <c r="R72" s="41"/>
      <c r="S72" s="41"/>
      <c r="T72" s="41"/>
      <c r="U72" s="41"/>
      <c r="V72" s="41"/>
      <c r="W72" s="41"/>
    </row>
    <row r="73" spans="1:24" s="29" customFormat="1">
      <c r="B73" s="682"/>
      <c r="C73" s="686" t="s">
        <v>651</v>
      </c>
      <c r="D73" s="683">
        <v>6418.4702710000001</v>
      </c>
      <c r="E73" s="683">
        <v>1790.2812309999999</v>
      </c>
      <c r="F73" s="683">
        <v>75.229685000000003</v>
      </c>
      <c r="G73" s="683">
        <v>7923.9356610000004</v>
      </c>
      <c r="H73" s="684">
        <v>4.2498760000000004</v>
      </c>
      <c r="I73" s="683">
        <v>123950</v>
      </c>
      <c r="J73" s="684">
        <v>53.985698999999997</v>
      </c>
      <c r="K73" s="684"/>
      <c r="L73" s="683">
        <v>6389.0827980000004</v>
      </c>
      <c r="M73" s="703">
        <v>80.630170048524832</v>
      </c>
      <c r="N73" s="683">
        <v>185.42977099999999</v>
      </c>
      <c r="O73" s="683" t="s">
        <v>560</v>
      </c>
      <c r="P73" s="41"/>
      <c r="Q73" s="41"/>
      <c r="R73" s="41"/>
      <c r="S73" s="41"/>
      <c r="T73" s="41"/>
      <c r="U73" s="41"/>
      <c r="V73" s="41"/>
      <c r="W73" s="41"/>
    </row>
    <row r="74" spans="1:24" s="29" customFormat="1">
      <c r="B74" s="682"/>
      <c r="C74" s="686" t="s">
        <v>652</v>
      </c>
      <c r="D74" s="683">
        <v>1144.1287139999999</v>
      </c>
      <c r="E74" s="683">
        <v>245.390073</v>
      </c>
      <c r="F74" s="683">
        <v>75.760523000000006</v>
      </c>
      <c r="G74" s="683">
        <v>1355.794893</v>
      </c>
      <c r="H74" s="684">
        <v>25.153974999999999</v>
      </c>
      <c r="I74" s="683">
        <v>74822</v>
      </c>
      <c r="J74" s="684">
        <v>54.372177000000001</v>
      </c>
      <c r="K74" s="684"/>
      <c r="L74" s="683">
        <v>1702.924816</v>
      </c>
      <c r="M74" s="703">
        <v>125.60342458820577</v>
      </c>
      <c r="N74" s="683">
        <v>187.56703999999999</v>
      </c>
      <c r="O74" s="683" t="s">
        <v>560</v>
      </c>
      <c r="P74" s="41"/>
      <c r="Q74" s="41"/>
      <c r="R74" s="41"/>
      <c r="S74" s="41"/>
      <c r="T74" s="41"/>
      <c r="U74" s="41"/>
      <c r="V74" s="41"/>
      <c r="W74" s="41"/>
    </row>
    <row r="75" spans="1:24" s="29" customFormat="1">
      <c r="B75" s="705"/>
      <c r="C75" s="687" t="s">
        <v>653</v>
      </c>
      <c r="D75" s="688">
        <v>1262.2961600000001</v>
      </c>
      <c r="E75" s="688">
        <v>4.8539099999999999</v>
      </c>
      <c r="F75" s="688">
        <v>76.534113000000005</v>
      </c>
      <c r="G75" s="688">
        <v>1266.1875250000001</v>
      </c>
      <c r="H75" s="689">
        <v>100</v>
      </c>
      <c r="I75" s="688">
        <v>24145</v>
      </c>
      <c r="J75" s="689">
        <v>50.519799999999996</v>
      </c>
      <c r="K75" s="689"/>
      <c r="L75" s="688">
        <v>771.88962500000002</v>
      </c>
      <c r="M75" s="703">
        <v>60.961714576993643</v>
      </c>
      <c r="N75" s="688">
        <v>578.31588299999999</v>
      </c>
      <c r="O75" s="683" t="s">
        <v>560</v>
      </c>
      <c r="P75" s="41"/>
      <c r="Q75" s="41"/>
      <c r="R75" s="41"/>
      <c r="S75" s="41"/>
      <c r="T75" s="41"/>
      <c r="U75" s="41"/>
      <c r="V75" s="41"/>
      <c r="W75" s="41"/>
    </row>
    <row r="76" spans="1:24" s="29" customFormat="1">
      <c r="B76" s="692" t="s">
        <v>25</v>
      </c>
      <c r="C76" s="692"/>
      <c r="D76" s="709">
        <v>33921.677395999999</v>
      </c>
      <c r="E76" s="709">
        <v>45382.955786999999</v>
      </c>
      <c r="F76" s="709">
        <v>77.213732740249995</v>
      </c>
      <c r="G76" s="709">
        <v>70276.927253000002</v>
      </c>
      <c r="H76" s="710">
        <v>3.1119958670040937</v>
      </c>
      <c r="I76" s="709">
        <v>2341990</v>
      </c>
      <c r="J76" s="710">
        <v>46.239975301204886</v>
      </c>
      <c r="K76" s="710"/>
      <c r="L76" s="709">
        <v>22921.957344999999</v>
      </c>
      <c r="M76" s="710">
        <v>32.616618627163298</v>
      </c>
      <c r="N76" s="709">
        <v>1066.264909</v>
      </c>
      <c r="O76" s="709">
        <v>1343.9341489999999</v>
      </c>
      <c r="P76" s="41"/>
      <c r="Q76" s="41"/>
      <c r="R76" s="41"/>
      <c r="S76" s="41"/>
      <c r="T76" s="41"/>
      <c r="U76" s="41"/>
      <c r="V76" s="41"/>
      <c r="W76" s="41"/>
    </row>
    <row r="77" spans="1:24" s="29" customFormat="1">
      <c r="B77" s="33"/>
      <c r="C77" s="33"/>
      <c r="D77" s="33"/>
      <c r="E77" s="33"/>
      <c r="F77" s="33"/>
      <c r="G77" s="33"/>
      <c r="H77" s="61"/>
      <c r="I77" s="33"/>
      <c r="J77" s="61"/>
      <c r="K77" s="61"/>
      <c r="L77" s="33"/>
      <c r="M77" s="61"/>
      <c r="N77" s="33"/>
      <c r="O77" s="33"/>
      <c r="P77" s="41"/>
      <c r="Q77" s="41"/>
      <c r="R77" s="41"/>
      <c r="S77" s="41"/>
      <c r="T77" s="41"/>
      <c r="U77" s="41"/>
      <c r="V77" s="41"/>
      <c r="W77" s="41"/>
    </row>
    <row r="78" spans="1:24" s="29" customFormat="1">
      <c r="B78" s="757" t="s">
        <v>780</v>
      </c>
      <c r="C78" s="758"/>
      <c r="D78" s="758"/>
      <c r="E78" s="758"/>
      <c r="F78" s="758"/>
      <c r="G78" s="758"/>
      <c r="H78" s="758"/>
      <c r="I78" s="758"/>
      <c r="J78" s="758"/>
      <c r="K78" s="758"/>
      <c r="L78" s="758"/>
      <c r="M78" s="758"/>
      <c r="N78" s="758"/>
      <c r="O78" s="758"/>
      <c r="P78" s="41"/>
      <c r="Q78" s="41"/>
      <c r="R78" s="41"/>
      <c r="S78" s="41"/>
      <c r="T78" s="41"/>
      <c r="U78" s="41"/>
      <c r="V78" s="41"/>
      <c r="W78" s="41"/>
    </row>
    <row r="79" spans="1:24" s="46" customFormat="1">
      <c r="A79" s="29"/>
      <c r="B79" s="33"/>
      <c r="C79" s="33"/>
      <c r="D79" s="33"/>
      <c r="E79" s="33"/>
      <c r="F79" s="33"/>
      <c r="G79" s="33"/>
      <c r="H79" s="61"/>
      <c r="I79" s="33"/>
      <c r="J79" s="61"/>
      <c r="K79" s="61"/>
      <c r="L79" s="33"/>
      <c r="M79" s="61"/>
      <c r="N79" s="33"/>
      <c r="O79" s="33"/>
      <c r="P79" s="41"/>
      <c r="Q79" s="41"/>
      <c r="R79" s="41"/>
      <c r="S79" s="41"/>
      <c r="T79" s="41"/>
      <c r="U79" s="41"/>
      <c r="V79" s="41"/>
      <c r="W79" s="41"/>
    </row>
    <row r="80" spans="1:24">
      <c r="A80" s="29"/>
      <c r="B80" s="490"/>
      <c r="C80" s="491"/>
      <c r="D80" s="492" t="s">
        <v>1</v>
      </c>
      <c r="E80" s="492" t="s">
        <v>2</v>
      </c>
      <c r="F80" s="492" t="s">
        <v>3</v>
      </c>
      <c r="G80" s="492" t="s">
        <v>9</v>
      </c>
      <c r="H80" s="493" t="s">
        <v>10</v>
      </c>
      <c r="I80" s="492" t="s">
        <v>11</v>
      </c>
      <c r="J80" s="493" t="s">
        <v>418</v>
      </c>
      <c r="K80" s="493" t="s">
        <v>419</v>
      </c>
      <c r="L80" s="492" t="s">
        <v>420</v>
      </c>
      <c r="M80" s="494" t="s">
        <v>422</v>
      </c>
      <c r="N80" s="492" t="s">
        <v>421</v>
      </c>
      <c r="O80" s="492" t="s">
        <v>423</v>
      </c>
    </row>
    <row r="81" spans="1:78" ht="53.5" customHeight="1">
      <c r="A81" s="29"/>
      <c r="B81" s="495" t="s">
        <v>694</v>
      </c>
      <c r="C81" s="496" t="s">
        <v>23</v>
      </c>
      <c r="D81" s="497" t="s">
        <v>26</v>
      </c>
      <c r="E81" s="497" t="s">
        <v>27</v>
      </c>
      <c r="F81" s="497" t="s">
        <v>170</v>
      </c>
      <c r="G81" s="497" t="s">
        <v>30</v>
      </c>
      <c r="H81" s="498" t="s">
        <v>171</v>
      </c>
      <c r="I81" s="497" t="s">
        <v>28</v>
      </c>
      <c r="J81" s="498" t="s">
        <v>172</v>
      </c>
      <c r="K81" s="498" t="s">
        <v>173</v>
      </c>
      <c r="L81" s="498" t="s">
        <v>445</v>
      </c>
      <c r="M81" s="496" t="s">
        <v>164</v>
      </c>
      <c r="N81" s="496" t="s">
        <v>29</v>
      </c>
      <c r="O81" s="496" t="s">
        <v>90</v>
      </c>
    </row>
    <row r="82" spans="1:78" s="29" customFormat="1">
      <c r="B82" s="499" t="s">
        <v>174</v>
      </c>
      <c r="C82" s="500" t="s">
        <v>646</v>
      </c>
      <c r="D82" s="500">
        <v>529791.65989799995</v>
      </c>
      <c r="E82" s="500">
        <v>24575.802663999999</v>
      </c>
      <c r="F82" s="500">
        <v>97.121713</v>
      </c>
      <c r="G82" s="500">
        <v>569886.54113100003</v>
      </c>
      <c r="H82" s="501">
        <v>4.5970000000000004E-3</v>
      </c>
      <c r="I82" s="500">
        <v>945</v>
      </c>
      <c r="J82" s="501">
        <v>44.740068000000001</v>
      </c>
      <c r="K82" s="501">
        <v>1.3383229999999999</v>
      </c>
      <c r="L82" s="500">
        <v>13286.641443</v>
      </c>
      <c r="M82" s="502">
        <v>2.3314538042311472</v>
      </c>
      <c r="N82" s="500">
        <v>11.573935000000001</v>
      </c>
      <c r="O82" s="500" t="s">
        <v>560</v>
      </c>
      <c r="P82" s="27"/>
      <c r="Q82" s="27"/>
      <c r="R82" s="27"/>
      <c r="S82" s="27"/>
      <c r="T82" s="27"/>
      <c r="U82" s="27"/>
      <c r="V82" s="27"/>
      <c r="W82" s="27"/>
      <c r="X82" s="27"/>
      <c r="Y82" s="27"/>
      <c r="Z82" s="27"/>
      <c r="AA82" s="27"/>
      <c r="AB82" s="27"/>
      <c r="AC82" s="27"/>
      <c r="AD82" s="27"/>
      <c r="AE82" s="27"/>
      <c r="AF82" s="27"/>
      <c r="AG82" s="27"/>
      <c r="AH82" s="27"/>
      <c r="AI82" s="27"/>
      <c r="AJ82" s="27"/>
      <c r="AK82" s="27"/>
      <c r="AL82" s="27"/>
      <c r="AM82" s="27"/>
      <c r="AN82" s="27"/>
      <c r="AO82" s="27"/>
      <c r="AP82" s="27"/>
      <c r="AQ82" s="27"/>
      <c r="AR82" s="27"/>
      <c r="AS82" s="27"/>
      <c r="AT82" s="27"/>
      <c r="AU82" s="27"/>
      <c r="AV82" s="27"/>
      <c r="AW82" s="27"/>
      <c r="AX82" s="27"/>
      <c r="AY82" s="27"/>
      <c r="AZ82" s="27"/>
      <c r="BA82" s="27"/>
      <c r="BB82" s="27"/>
      <c r="BC82" s="27"/>
      <c r="BD82" s="27"/>
      <c r="BE82" s="27"/>
      <c r="BF82" s="27"/>
      <c r="BG82" s="27"/>
      <c r="BH82" s="27"/>
      <c r="BI82" s="27"/>
      <c r="BJ82" s="27"/>
      <c r="BK82" s="27"/>
      <c r="BL82" s="27"/>
      <c r="BM82" s="27"/>
      <c r="BN82" s="27"/>
      <c r="BO82" s="27"/>
      <c r="BP82" s="27"/>
      <c r="BQ82" s="27"/>
      <c r="BR82" s="27"/>
      <c r="BS82" s="27"/>
      <c r="BT82" s="27"/>
      <c r="BU82" s="27"/>
      <c r="BV82" s="27"/>
      <c r="BW82" s="27"/>
      <c r="BX82" s="27"/>
      <c r="BY82" s="27"/>
      <c r="BZ82" s="27"/>
    </row>
    <row r="83" spans="1:78" s="29" customFormat="1" ht="13.5" customHeight="1">
      <c r="B83" s="499"/>
      <c r="C83" s="500" t="s">
        <v>647</v>
      </c>
      <c r="D83" s="500">
        <v>743.08540000000005</v>
      </c>
      <c r="E83" s="500">
        <v>1667.8517220000001</v>
      </c>
      <c r="F83" s="500">
        <v>71.370341999999994</v>
      </c>
      <c r="G83" s="500">
        <v>1761.4116280000001</v>
      </c>
      <c r="H83" s="501">
        <v>0.18376999999999999</v>
      </c>
      <c r="I83" s="500">
        <v>26</v>
      </c>
      <c r="J83" s="501">
        <v>44.746941999999997</v>
      </c>
      <c r="K83" s="501">
        <v>2.5</v>
      </c>
      <c r="L83" s="500">
        <v>765.90252899999996</v>
      </c>
      <c r="M83" s="502">
        <v>43.482313663935912</v>
      </c>
      <c r="N83" s="500">
        <v>1.4473069999999999</v>
      </c>
      <c r="O83" s="500" t="s">
        <v>560</v>
      </c>
      <c r="P83" s="27"/>
      <c r="Q83" s="27"/>
      <c r="R83" s="27"/>
      <c r="S83" s="27"/>
      <c r="T83" s="27"/>
      <c r="U83" s="27"/>
      <c r="V83" s="27"/>
      <c r="W83" s="27"/>
      <c r="X83" s="27"/>
      <c r="Y83" s="27"/>
      <c r="Z83" s="27"/>
      <c r="AA83" s="27"/>
      <c r="AB83" s="27"/>
      <c r="AC83" s="27"/>
      <c r="AD83" s="27"/>
      <c r="AE83" s="27"/>
      <c r="AF83" s="27"/>
      <c r="AG83" s="27"/>
      <c r="AH83" s="27"/>
      <c r="AI83" s="27"/>
      <c r="AJ83" s="27"/>
      <c r="AK83" s="27"/>
      <c r="AL83" s="27"/>
      <c r="AM83" s="27"/>
      <c r="AN83" s="27"/>
      <c r="AO83" s="27"/>
      <c r="AP83" s="27"/>
      <c r="AQ83" s="27"/>
      <c r="AR83" s="27"/>
      <c r="AS83" s="27"/>
      <c r="AT83" s="27"/>
      <c r="AU83" s="27"/>
      <c r="AV83" s="27"/>
      <c r="AW83" s="27"/>
      <c r="AX83" s="27"/>
      <c r="AY83" s="27"/>
      <c r="AZ83" s="27"/>
      <c r="BA83" s="27"/>
      <c r="BB83" s="27"/>
      <c r="BC83" s="27"/>
      <c r="BD83" s="27"/>
      <c r="BE83" s="27"/>
      <c r="BF83" s="27"/>
      <c r="BG83" s="27"/>
      <c r="BH83" s="27"/>
      <c r="BI83" s="27"/>
      <c r="BJ83" s="27"/>
      <c r="BK83" s="27"/>
      <c r="BL83" s="27"/>
      <c r="BM83" s="27"/>
      <c r="BN83" s="27"/>
      <c r="BO83" s="27"/>
      <c r="BP83" s="27"/>
      <c r="BQ83" s="27"/>
      <c r="BR83" s="27"/>
      <c r="BS83" s="27"/>
      <c r="BT83" s="27"/>
      <c r="BU83" s="27"/>
      <c r="BV83" s="27"/>
      <c r="BW83" s="27"/>
      <c r="BX83" s="27"/>
      <c r="BY83" s="27"/>
      <c r="BZ83" s="27"/>
    </row>
    <row r="84" spans="1:78" s="29" customFormat="1" ht="13.5" customHeight="1">
      <c r="B84" s="499"/>
      <c r="C84" s="500" t="s">
        <v>648</v>
      </c>
      <c r="D84" s="500">
        <v>225.03840299999999</v>
      </c>
      <c r="E84" s="500">
        <v>2.098449</v>
      </c>
      <c r="F84" s="500">
        <v>74.376407999999998</v>
      </c>
      <c r="G84" s="500">
        <v>180.643867</v>
      </c>
      <c r="H84" s="501">
        <v>0.31382599999999999</v>
      </c>
      <c r="I84" s="500">
        <v>29</v>
      </c>
      <c r="J84" s="501">
        <v>39.924875</v>
      </c>
      <c r="K84" s="501">
        <v>2.5</v>
      </c>
      <c r="L84" s="500">
        <v>94.425460999999999</v>
      </c>
      <c r="M84" s="502">
        <v>52.271611856050448</v>
      </c>
      <c r="N84" s="500">
        <v>0.22626499999999999</v>
      </c>
      <c r="O84" s="500" t="s">
        <v>560</v>
      </c>
      <c r="P84" s="27"/>
      <c r="Q84" s="27"/>
      <c r="R84" s="27"/>
      <c r="S84" s="27"/>
      <c r="T84" s="27"/>
      <c r="U84" s="27"/>
      <c r="V84" s="27"/>
      <c r="W84" s="27"/>
      <c r="X84" s="27"/>
      <c r="Y84" s="27"/>
      <c r="Z84" s="27"/>
      <c r="AA84" s="27"/>
      <c r="AB84" s="27"/>
      <c r="AC84" s="27"/>
      <c r="AD84" s="27"/>
      <c r="AE84" s="27"/>
      <c r="AF84" s="27"/>
      <c r="AG84" s="27"/>
      <c r="AH84" s="27"/>
      <c r="AI84" s="27"/>
      <c r="AJ84" s="27"/>
      <c r="AK84" s="27"/>
      <c r="AL84" s="27"/>
      <c r="AM84" s="27"/>
      <c r="AN84" s="27"/>
      <c r="AO84" s="27"/>
      <c r="AP84" s="27"/>
      <c r="AQ84" s="27"/>
      <c r="AR84" s="27"/>
      <c r="AS84" s="27"/>
      <c r="AT84" s="27"/>
      <c r="AU84" s="27"/>
      <c r="AV84" s="27"/>
      <c r="AW84" s="27"/>
      <c r="AX84" s="27"/>
      <c r="AY84" s="27"/>
      <c r="AZ84" s="27"/>
      <c r="BA84" s="27"/>
      <c r="BB84" s="27"/>
      <c r="BC84" s="27"/>
      <c r="BD84" s="27"/>
      <c r="BE84" s="27"/>
      <c r="BF84" s="27"/>
      <c r="BG84" s="27"/>
      <c r="BH84" s="27"/>
      <c r="BI84" s="27"/>
      <c r="BJ84" s="27"/>
      <c r="BK84" s="27"/>
      <c r="BL84" s="27"/>
      <c r="BM84" s="27"/>
      <c r="BN84" s="27"/>
      <c r="BO84" s="27"/>
      <c r="BP84" s="27"/>
      <c r="BQ84" s="27"/>
      <c r="BR84" s="27"/>
      <c r="BS84" s="27"/>
      <c r="BT84" s="27"/>
      <c r="BU84" s="27"/>
      <c r="BV84" s="27"/>
      <c r="BW84" s="27"/>
      <c r="BX84" s="27"/>
      <c r="BY84" s="27"/>
      <c r="BZ84" s="27"/>
    </row>
    <row r="85" spans="1:78" s="29" customFormat="1" ht="13.5" customHeight="1">
      <c r="B85" s="490"/>
      <c r="C85" s="503" t="s">
        <v>649</v>
      </c>
      <c r="D85" s="500"/>
      <c r="E85" s="500"/>
      <c r="F85" s="500"/>
      <c r="G85" s="500"/>
      <c r="H85" s="501"/>
      <c r="I85" s="500"/>
      <c r="J85" s="501"/>
      <c r="K85" s="501"/>
      <c r="L85" s="500"/>
      <c r="M85" s="502"/>
      <c r="N85" s="500"/>
      <c r="O85" s="500"/>
      <c r="P85" s="27"/>
      <c r="Q85" s="27"/>
      <c r="R85" s="27"/>
      <c r="S85" s="27"/>
      <c r="T85" s="27"/>
      <c r="U85" s="27"/>
      <c r="V85" s="27"/>
      <c r="W85" s="27"/>
      <c r="X85" s="27"/>
      <c r="Y85" s="27"/>
      <c r="Z85" s="27"/>
      <c r="AA85" s="27"/>
      <c r="AB85" s="27"/>
      <c r="AC85" s="27"/>
      <c r="AD85" s="27"/>
      <c r="AE85" s="27"/>
      <c r="AF85" s="27"/>
      <c r="AG85" s="27"/>
      <c r="AH85" s="27"/>
      <c r="AI85" s="27"/>
      <c r="AJ85" s="27"/>
      <c r="AK85" s="27"/>
      <c r="AL85" s="27"/>
      <c r="AM85" s="27"/>
      <c r="AN85" s="27"/>
      <c r="AO85" s="27"/>
      <c r="AP85" s="27"/>
      <c r="AQ85" s="27"/>
      <c r="AR85" s="27"/>
      <c r="AS85" s="27"/>
      <c r="AT85" s="27"/>
      <c r="AU85" s="27"/>
      <c r="AV85" s="27"/>
      <c r="AW85" s="27"/>
      <c r="AX85" s="27"/>
      <c r="AY85" s="27"/>
      <c r="AZ85" s="27"/>
      <c r="BA85" s="27"/>
      <c r="BB85" s="27"/>
      <c r="BC85" s="27"/>
      <c r="BD85" s="27"/>
      <c r="BE85" s="27"/>
      <c r="BF85" s="27"/>
      <c r="BG85" s="27"/>
      <c r="BH85" s="27"/>
      <c r="BI85" s="27"/>
      <c r="BJ85" s="27"/>
      <c r="BK85" s="27"/>
      <c r="BL85" s="27"/>
      <c r="BM85" s="27"/>
      <c r="BN85" s="27"/>
      <c r="BO85" s="27"/>
      <c r="BP85" s="27"/>
      <c r="BQ85" s="27"/>
      <c r="BR85" s="27"/>
      <c r="BS85" s="27"/>
      <c r="BT85" s="27"/>
      <c r="BU85" s="27"/>
      <c r="BV85" s="27"/>
      <c r="BW85" s="27"/>
      <c r="BX85" s="27"/>
      <c r="BY85" s="27"/>
      <c r="BZ85" s="27"/>
    </row>
    <row r="86" spans="1:78" s="29" customFormat="1" ht="13.5" customHeight="1">
      <c r="B86" s="490"/>
      <c r="C86" s="503" t="s">
        <v>650</v>
      </c>
      <c r="D86" s="500">
        <v>44.745237000000003</v>
      </c>
      <c r="E86" s="500">
        <v>1.7482549999999999</v>
      </c>
      <c r="F86" s="500">
        <v>74.101832000000002</v>
      </c>
      <c r="G86" s="500">
        <v>46.040725999999999</v>
      </c>
      <c r="H86" s="501">
        <v>1.09202</v>
      </c>
      <c r="I86" s="500">
        <v>19</v>
      </c>
      <c r="J86" s="501">
        <v>42.596440000000001</v>
      </c>
      <c r="K86" s="501">
        <v>2.5</v>
      </c>
      <c r="L86" s="500">
        <v>43.756050999999999</v>
      </c>
      <c r="M86" s="502">
        <v>95.037708571320096</v>
      </c>
      <c r="N86" s="500">
        <v>0.216699</v>
      </c>
      <c r="O86" s="500" t="s">
        <v>560</v>
      </c>
      <c r="P86" s="27"/>
      <c r="Q86" s="27"/>
      <c r="R86" s="27"/>
      <c r="S86" s="27"/>
      <c r="T86" s="27"/>
      <c r="U86" s="27"/>
      <c r="V86" s="27"/>
      <c r="W86" s="27"/>
      <c r="X86" s="27"/>
      <c r="Y86" s="27"/>
      <c r="Z86" s="27"/>
      <c r="AA86" s="27"/>
      <c r="AB86" s="27"/>
      <c r="AC86" s="27"/>
      <c r="AD86" s="27"/>
      <c r="AE86" s="27"/>
      <c r="AF86" s="27"/>
      <c r="AG86" s="27"/>
      <c r="AH86" s="27"/>
      <c r="AI86" s="27"/>
      <c r="AJ86" s="27"/>
      <c r="AK86" s="27"/>
      <c r="AL86" s="27"/>
      <c r="AM86" s="27"/>
      <c r="AN86" s="27"/>
      <c r="AO86" s="27"/>
      <c r="AP86" s="27"/>
      <c r="AQ86" s="27"/>
      <c r="AR86" s="27"/>
      <c r="AS86" s="27"/>
      <c r="AT86" s="27"/>
      <c r="AU86" s="27"/>
      <c r="AV86" s="27"/>
      <c r="AW86" s="27"/>
      <c r="AX86" s="27"/>
      <c r="AY86" s="27"/>
      <c r="AZ86" s="27"/>
      <c r="BA86" s="27"/>
      <c r="BB86" s="27"/>
      <c r="BC86" s="27"/>
      <c r="BD86" s="27"/>
      <c r="BE86" s="27"/>
      <c r="BF86" s="27"/>
      <c r="BG86" s="27"/>
      <c r="BH86" s="27"/>
      <c r="BI86" s="27"/>
      <c r="BJ86" s="27"/>
      <c r="BK86" s="27"/>
      <c r="BL86" s="27"/>
      <c r="BM86" s="27"/>
      <c r="BN86" s="27"/>
      <c r="BO86" s="27"/>
      <c r="BP86" s="27"/>
      <c r="BQ86" s="27"/>
      <c r="BR86" s="27"/>
      <c r="BS86" s="27"/>
      <c r="BT86" s="27"/>
      <c r="BU86" s="27"/>
      <c r="BV86" s="27"/>
      <c r="BW86" s="27"/>
      <c r="BX86" s="27"/>
      <c r="BY86" s="27"/>
      <c r="BZ86" s="27"/>
    </row>
    <row r="87" spans="1:78" s="29" customFormat="1" ht="13.5" customHeight="1">
      <c r="B87" s="490"/>
      <c r="C87" s="503" t="s">
        <v>651</v>
      </c>
      <c r="D87" s="500">
        <v>1.105083</v>
      </c>
      <c r="E87" s="500"/>
      <c r="F87" s="500"/>
      <c r="G87" s="500">
        <v>1.1050819999999999</v>
      </c>
      <c r="H87" s="501">
        <v>4.0377260000000001</v>
      </c>
      <c r="I87" s="500">
        <v>9</v>
      </c>
      <c r="J87" s="501">
        <v>45</v>
      </c>
      <c r="K87" s="501">
        <v>2.5</v>
      </c>
      <c r="L87" s="500">
        <v>1.636798</v>
      </c>
      <c r="M87" s="502">
        <v>148.11552445881844</v>
      </c>
      <c r="N87" s="500">
        <v>2.0079E-2</v>
      </c>
      <c r="O87" s="500" t="s">
        <v>560</v>
      </c>
      <c r="P87" s="27"/>
      <c r="Q87" s="27"/>
      <c r="R87" s="27"/>
      <c r="S87" s="27"/>
      <c r="T87" s="27"/>
      <c r="U87" s="27"/>
      <c r="V87" s="27"/>
      <c r="W87" s="27"/>
      <c r="X87" s="27"/>
      <c r="Y87" s="27"/>
      <c r="Z87" s="27"/>
      <c r="AA87" s="27"/>
      <c r="AB87" s="27"/>
      <c r="AC87" s="27"/>
      <c r="AD87" s="27"/>
      <c r="AE87" s="27"/>
      <c r="AF87" s="27"/>
      <c r="AG87" s="27"/>
      <c r="AH87" s="27"/>
      <c r="AI87" s="27"/>
      <c r="AJ87" s="27"/>
      <c r="AK87" s="27"/>
      <c r="AL87" s="27"/>
      <c r="AM87" s="27"/>
      <c r="AN87" s="27"/>
      <c r="AO87" s="27"/>
      <c r="AP87" s="27"/>
      <c r="AQ87" s="27"/>
      <c r="AR87" s="27"/>
      <c r="AS87" s="27"/>
      <c r="AT87" s="27"/>
      <c r="AU87" s="27"/>
      <c r="AV87" s="27"/>
      <c r="AW87" s="27"/>
      <c r="AX87" s="27"/>
      <c r="AY87" s="27"/>
      <c r="AZ87" s="27"/>
      <c r="BA87" s="27"/>
      <c r="BB87" s="27"/>
      <c r="BC87" s="27"/>
      <c r="BD87" s="27"/>
      <c r="BE87" s="27"/>
      <c r="BF87" s="27"/>
      <c r="BG87" s="27"/>
      <c r="BH87" s="27"/>
      <c r="BI87" s="27"/>
      <c r="BJ87" s="27"/>
      <c r="BK87" s="27"/>
      <c r="BL87" s="27"/>
      <c r="BM87" s="27"/>
      <c r="BN87" s="27"/>
      <c r="BO87" s="27"/>
      <c r="BP87" s="27"/>
      <c r="BQ87" s="27"/>
      <c r="BR87" s="27"/>
      <c r="BS87" s="27"/>
      <c r="BT87" s="27"/>
      <c r="BU87" s="27"/>
      <c r="BV87" s="27"/>
      <c r="BW87" s="27"/>
      <c r="BX87" s="27"/>
      <c r="BY87" s="27"/>
      <c r="BZ87" s="27"/>
    </row>
    <row r="88" spans="1:78" s="29" customFormat="1" ht="13.5" customHeight="1">
      <c r="B88" s="504"/>
      <c r="C88" s="503" t="s">
        <v>652</v>
      </c>
      <c r="D88" s="500">
        <v>4.7158350000000002</v>
      </c>
      <c r="E88" s="500">
        <v>0.27492499999999997</v>
      </c>
      <c r="F88" s="500">
        <v>49.999817999999998</v>
      </c>
      <c r="G88" s="500">
        <v>4.8532970000000004</v>
      </c>
      <c r="H88" s="501">
        <v>11.314007999999999</v>
      </c>
      <c r="I88" s="500">
        <v>13</v>
      </c>
      <c r="J88" s="501">
        <v>45</v>
      </c>
      <c r="K88" s="501">
        <v>2.5</v>
      </c>
      <c r="L88" s="500">
        <v>10.350206999999999</v>
      </c>
      <c r="M88" s="502">
        <v>213.26135614614148</v>
      </c>
      <c r="N88" s="500">
        <v>0.24709600000000001</v>
      </c>
      <c r="O88" s="500" t="s">
        <v>560</v>
      </c>
      <c r="P88" s="27"/>
      <c r="Q88" s="27"/>
      <c r="R88" s="27"/>
      <c r="S88" s="27"/>
      <c r="T88" s="27"/>
      <c r="U88" s="27"/>
      <c r="V88" s="27"/>
      <c r="W88" s="27"/>
      <c r="X88" s="27"/>
      <c r="Y88" s="27"/>
      <c r="Z88" s="27"/>
      <c r="AA88" s="27"/>
      <c r="AB88" s="27"/>
      <c r="AC88" s="27"/>
      <c r="AD88" s="27"/>
      <c r="AE88" s="27"/>
      <c r="AF88" s="27"/>
      <c r="AG88" s="27"/>
      <c r="AH88" s="27"/>
      <c r="AI88" s="27"/>
      <c r="AJ88" s="27"/>
      <c r="AK88" s="27"/>
      <c r="AL88" s="27"/>
      <c r="AM88" s="27"/>
      <c r="AN88" s="27"/>
      <c r="AO88" s="27"/>
      <c r="AP88" s="27"/>
      <c r="AQ88" s="27"/>
      <c r="AR88" s="27"/>
      <c r="AS88" s="27"/>
      <c r="AT88" s="27"/>
      <c r="AU88" s="27"/>
      <c r="AV88" s="27"/>
      <c r="AW88" s="27"/>
      <c r="AX88" s="27"/>
      <c r="AY88" s="27"/>
      <c r="AZ88" s="27"/>
      <c r="BA88" s="27"/>
      <c r="BB88" s="27"/>
      <c r="BC88" s="27"/>
      <c r="BD88" s="27"/>
      <c r="BE88" s="27"/>
      <c r="BF88" s="27"/>
      <c r="BG88" s="27"/>
      <c r="BH88" s="27"/>
      <c r="BI88" s="27"/>
      <c r="BJ88" s="27"/>
      <c r="BK88" s="27"/>
      <c r="BL88" s="27"/>
      <c r="BM88" s="27"/>
      <c r="BN88" s="27"/>
      <c r="BO88" s="27"/>
      <c r="BP88" s="27"/>
      <c r="BQ88" s="27"/>
      <c r="BR88" s="27"/>
      <c r="BS88" s="27"/>
      <c r="BT88" s="27"/>
      <c r="BU88" s="27"/>
      <c r="BV88" s="27"/>
      <c r="BW88" s="27"/>
      <c r="BX88" s="27"/>
      <c r="BY88" s="27"/>
      <c r="BZ88" s="27"/>
    </row>
    <row r="89" spans="1:78" s="29" customFormat="1" ht="13.5" customHeight="1">
      <c r="B89" s="505"/>
      <c r="C89" s="506" t="s">
        <v>653</v>
      </c>
      <c r="D89" s="507">
        <v>47.112785000000002</v>
      </c>
      <c r="E89" s="507">
        <v>6.3174999999999995E-2</v>
      </c>
      <c r="F89" s="507">
        <v>49.999208000000003</v>
      </c>
      <c r="G89" s="507">
        <v>47.144373000000002</v>
      </c>
      <c r="H89" s="508">
        <v>100</v>
      </c>
      <c r="I89" s="507">
        <v>2</v>
      </c>
      <c r="J89" s="508">
        <v>45</v>
      </c>
      <c r="K89" s="508">
        <v>2.5</v>
      </c>
      <c r="L89" s="507">
        <v>0</v>
      </c>
      <c r="M89" s="509">
        <v>0</v>
      </c>
      <c r="N89" s="507">
        <v>21.214967999999999</v>
      </c>
      <c r="O89" s="507" t="s">
        <v>560</v>
      </c>
      <c r="P89" s="27"/>
      <c r="Q89" s="27"/>
      <c r="R89" s="27"/>
      <c r="S89" s="27"/>
      <c r="T89" s="27"/>
      <c r="U89" s="27"/>
      <c r="V89" s="27"/>
      <c r="W89" s="27"/>
      <c r="X89" s="27"/>
      <c r="Y89" s="27"/>
      <c r="Z89" s="27"/>
      <c r="AA89" s="27"/>
      <c r="AB89" s="27"/>
      <c r="AC89" s="27"/>
      <c r="AD89" s="27"/>
      <c r="AE89" s="27"/>
      <c r="AF89" s="27"/>
      <c r="AG89" s="27"/>
      <c r="AH89" s="27"/>
      <c r="AI89" s="27"/>
      <c r="AJ89" s="27"/>
      <c r="AK89" s="27"/>
      <c r="AL89" s="27"/>
      <c r="AM89" s="27"/>
      <c r="AN89" s="27"/>
      <c r="AO89" s="27"/>
      <c r="AP89" s="27"/>
      <c r="AQ89" s="27"/>
      <c r="AR89" s="27"/>
      <c r="AS89" s="27"/>
      <c r="AT89" s="27"/>
      <c r="AU89" s="27"/>
      <c r="AV89" s="27"/>
      <c r="AW89" s="27"/>
      <c r="AX89" s="27"/>
      <c r="AY89" s="27"/>
      <c r="AZ89" s="27"/>
      <c r="BA89" s="27"/>
      <c r="BB89" s="27"/>
      <c r="BC89" s="27"/>
      <c r="BD89" s="27"/>
      <c r="BE89" s="27"/>
      <c r="BF89" s="27"/>
      <c r="BG89" s="27"/>
      <c r="BH89" s="27"/>
      <c r="BI89" s="27"/>
      <c r="BJ89" s="27"/>
      <c r="BK89" s="27"/>
      <c r="BL89" s="27"/>
      <c r="BM89" s="27"/>
      <c r="BN89" s="27"/>
      <c r="BO89" s="27"/>
      <c r="BP89" s="27"/>
      <c r="BQ89" s="27"/>
      <c r="BR89" s="27"/>
      <c r="BS89" s="27"/>
      <c r="BT89" s="27"/>
      <c r="BU89" s="27"/>
      <c r="BV89" s="27"/>
      <c r="BW89" s="27"/>
      <c r="BX89" s="27"/>
      <c r="BY89" s="27"/>
      <c r="BZ89" s="27"/>
    </row>
    <row r="90" spans="1:78" s="29" customFormat="1" ht="13.5" customHeight="1">
      <c r="B90" s="499" t="s">
        <v>25</v>
      </c>
      <c r="C90" s="491"/>
      <c r="D90" s="510">
        <v>530857.46264100005</v>
      </c>
      <c r="E90" s="510">
        <v>26247.839189999999</v>
      </c>
      <c r="F90" s="510">
        <v>95.481450185614307</v>
      </c>
      <c r="G90" s="510">
        <v>571927.74010399997</v>
      </c>
      <c r="H90" s="511">
        <v>1.3680470785091782E-2</v>
      </c>
      <c r="I90" s="510">
        <v>1043</v>
      </c>
      <c r="J90" s="511">
        <v>44.738419857832547</v>
      </c>
      <c r="K90" s="511">
        <v>1.3424690026032773</v>
      </c>
      <c r="L90" s="510">
        <v>14202.712489</v>
      </c>
      <c r="M90" s="511">
        <v>2.483305406102065</v>
      </c>
      <c r="N90" s="510">
        <v>34.946348999999998</v>
      </c>
      <c r="O90" s="510">
        <v>4.8020180000000003</v>
      </c>
      <c r="P90" s="27"/>
      <c r="Q90" s="284"/>
      <c r="R90" s="27"/>
      <c r="S90" s="27"/>
      <c r="T90" s="27"/>
      <c r="U90" s="27"/>
      <c r="V90" s="27"/>
      <c r="W90" s="27"/>
      <c r="X90" s="27"/>
      <c r="Y90" s="27"/>
      <c r="Z90" s="27"/>
      <c r="AA90" s="27"/>
      <c r="AB90" s="27"/>
      <c r="AC90" s="27"/>
      <c r="AD90" s="27"/>
      <c r="AE90" s="27"/>
      <c r="AF90" s="27"/>
      <c r="AG90" s="27"/>
      <c r="AH90" s="27"/>
      <c r="AI90" s="27"/>
      <c r="AJ90" s="27"/>
      <c r="AK90" s="27"/>
      <c r="AL90" s="27"/>
      <c r="AM90" s="27"/>
      <c r="AN90" s="27"/>
      <c r="AO90" s="27"/>
      <c r="AP90" s="27"/>
      <c r="AQ90" s="27"/>
      <c r="AR90" s="27"/>
      <c r="AS90" s="27"/>
      <c r="AT90" s="27"/>
      <c r="AU90" s="27"/>
      <c r="AV90" s="27"/>
      <c r="AW90" s="27"/>
      <c r="AX90" s="27"/>
      <c r="AY90" s="27"/>
      <c r="AZ90" s="27"/>
      <c r="BA90" s="27"/>
      <c r="BB90" s="27"/>
      <c r="BC90" s="27"/>
      <c r="BD90" s="27"/>
      <c r="BE90" s="27"/>
      <c r="BF90" s="27"/>
      <c r="BG90" s="27"/>
      <c r="BH90" s="27"/>
      <c r="BI90" s="27"/>
      <c r="BJ90" s="27"/>
      <c r="BK90" s="27"/>
      <c r="BL90" s="27"/>
      <c r="BM90" s="27"/>
      <c r="BN90" s="27"/>
      <c r="BO90" s="27"/>
      <c r="BP90" s="27"/>
      <c r="BQ90" s="27"/>
      <c r="BR90" s="27"/>
      <c r="BS90" s="27"/>
      <c r="BT90" s="27"/>
      <c r="BU90" s="27"/>
      <c r="BV90" s="27"/>
      <c r="BW90" s="27"/>
      <c r="BX90" s="27"/>
      <c r="BY90" s="27"/>
      <c r="BZ90" s="27"/>
    </row>
    <row r="91" spans="1:78" s="46" customFormat="1" ht="13.5" customHeight="1">
      <c r="A91" s="29"/>
      <c r="B91" s="490"/>
      <c r="C91" s="491"/>
      <c r="D91" s="512"/>
      <c r="E91" s="512"/>
      <c r="F91" s="512"/>
      <c r="G91" s="512"/>
      <c r="H91" s="513"/>
      <c r="I91" s="512"/>
      <c r="J91" s="513"/>
      <c r="K91" s="513"/>
      <c r="L91" s="514"/>
      <c r="M91" s="513"/>
      <c r="N91" s="512"/>
      <c r="O91" s="512"/>
      <c r="P91" s="27"/>
      <c r="Q91" s="27"/>
      <c r="R91" s="27"/>
      <c r="S91" s="27"/>
      <c r="T91" s="27"/>
      <c r="U91" s="27"/>
      <c r="V91" s="27"/>
      <c r="W91" s="27"/>
      <c r="X91" s="27"/>
      <c r="Y91" s="27"/>
      <c r="Z91" s="27"/>
      <c r="AA91" s="27"/>
      <c r="AB91" s="27"/>
      <c r="AC91" s="27"/>
      <c r="AD91" s="27"/>
      <c r="AE91" s="27"/>
      <c r="AF91" s="27"/>
      <c r="AG91" s="27"/>
      <c r="AH91" s="27"/>
      <c r="AI91" s="27"/>
      <c r="AJ91" s="27"/>
      <c r="AK91" s="27"/>
      <c r="AL91" s="27"/>
      <c r="AM91" s="27"/>
      <c r="AN91" s="27"/>
      <c r="AO91" s="27"/>
      <c r="AP91" s="27"/>
      <c r="AQ91" s="27"/>
      <c r="AR91" s="27"/>
      <c r="AS91" s="27"/>
      <c r="AT91" s="27"/>
      <c r="AU91" s="27"/>
      <c r="AV91" s="27"/>
      <c r="AW91" s="27"/>
      <c r="AX91" s="27"/>
      <c r="AY91" s="27"/>
      <c r="AZ91" s="27"/>
      <c r="BA91" s="27"/>
      <c r="BB91" s="27"/>
      <c r="BC91" s="27"/>
      <c r="BD91" s="27"/>
      <c r="BE91" s="27"/>
      <c r="BF91" s="27"/>
      <c r="BG91" s="27"/>
      <c r="BH91" s="27"/>
      <c r="BI91" s="27"/>
      <c r="BJ91" s="27"/>
      <c r="BK91" s="27"/>
      <c r="BL91" s="27"/>
      <c r="BM91" s="27"/>
      <c r="BN91" s="27"/>
      <c r="BO91" s="27"/>
      <c r="BP91" s="27"/>
      <c r="BQ91" s="27"/>
      <c r="BR91" s="27"/>
      <c r="BS91" s="27"/>
      <c r="BT91" s="27"/>
      <c r="BU91" s="27"/>
      <c r="BV91" s="27"/>
      <c r="BW91" s="27"/>
      <c r="BX91" s="27"/>
      <c r="BY91" s="27"/>
      <c r="BZ91" s="27"/>
    </row>
    <row r="92" spans="1:78">
      <c r="A92" s="29"/>
      <c r="B92" s="499" t="s">
        <v>175</v>
      </c>
      <c r="C92" s="500" t="s">
        <v>646</v>
      </c>
      <c r="D92" s="500">
        <v>49751.517181000003</v>
      </c>
      <c r="E92" s="500">
        <v>60533.191606</v>
      </c>
      <c r="F92" s="500">
        <v>60.829355</v>
      </c>
      <c r="G92" s="500">
        <v>81280.412234000003</v>
      </c>
      <c r="H92" s="501">
        <v>6.1401999999999998E-2</v>
      </c>
      <c r="I92" s="500">
        <v>652</v>
      </c>
      <c r="J92" s="501">
        <v>40.453572000000001</v>
      </c>
      <c r="K92" s="501">
        <v>2.5</v>
      </c>
      <c r="L92" s="500">
        <v>16444.391971000001</v>
      </c>
      <c r="M92" s="502">
        <v>20.231678849828999</v>
      </c>
      <c r="N92" s="500">
        <v>20.102526000000001</v>
      </c>
      <c r="O92" s="500" t="s">
        <v>560</v>
      </c>
    </row>
    <row r="93" spans="1:78" s="29" customFormat="1" ht="13.5" customHeight="1">
      <c r="B93" s="490"/>
      <c r="C93" s="503" t="s">
        <v>647</v>
      </c>
      <c r="D93" s="500">
        <v>38006.054942000002</v>
      </c>
      <c r="E93" s="500">
        <v>33807.707070999997</v>
      </c>
      <c r="F93" s="500">
        <v>63.740907999999997</v>
      </c>
      <c r="G93" s="500">
        <v>59059.844553000003</v>
      </c>
      <c r="H93" s="501">
        <v>0.19548499999999999</v>
      </c>
      <c r="I93" s="500">
        <v>1189</v>
      </c>
      <c r="J93" s="501">
        <v>35.729495</v>
      </c>
      <c r="K93" s="501">
        <v>2.5</v>
      </c>
      <c r="L93" s="500">
        <v>20974.524927999999</v>
      </c>
      <c r="M93" s="502">
        <v>35.514019867047857</v>
      </c>
      <c r="N93" s="500">
        <v>41.268317000000003</v>
      </c>
      <c r="O93" s="500" t="s">
        <v>560</v>
      </c>
      <c r="P93" s="27"/>
      <c r="Q93" s="27"/>
      <c r="R93" s="27"/>
      <c r="S93" s="27"/>
      <c r="T93" s="27"/>
      <c r="U93" s="27"/>
      <c r="V93" s="27"/>
      <c r="W93" s="27"/>
      <c r="X93" s="27"/>
      <c r="Y93" s="27"/>
      <c r="Z93" s="27"/>
      <c r="AA93" s="27"/>
      <c r="AB93" s="27"/>
      <c r="AC93" s="27"/>
      <c r="AD93" s="27"/>
      <c r="AE93" s="27"/>
      <c r="AF93" s="27"/>
      <c r="AG93" s="27"/>
      <c r="AH93" s="27"/>
      <c r="AI93" s="27"/>
      <c r="AJ93" s="27"/>
      <c r="AK93" s="27"/>
      <c r="AL93" s="27"/>
      <c r="AM93" s="27"/>
      <c r="AN93" s="27"/>
      <c r="AO93" s="27"/>
      <c r="AP93" s="27"/>
      <c r="AQ93" s="27"/>
      <c r="AR93" s="27"/>
      <c r="AS93" s="27"/>
      <c r="AT93" s="27"/>
      <c r="AU93" s="27"/>
      <c r="AV93" s="27"/>
      <c r="AW93" s="27"/>
      <c r="AX93" s="27"/>
      <c r="AY93" s="27"/>
      <c r="AZ93" s="27"/>
      <c r="BA93" s="27"/>
      <c r="BB93" s="27"/>
      <c r="BC93" s="27"/>
      <c r="BD93" s="27"/>
      <c r="BE93" s="27"/>
      <c r="BF93" s="27"/>
      <c r="BG93" s="27"/>
      <c r="BH93" s="27"/>
      <c r="BI93" s="27"/>
      <c r="BJ93" s="27"/>
      <c r="BK93" s="27"/>
      <c r="BL93" s="27"/>
      <c r="BM93" s="27"/>
      <c r="BN93" s="27"/>
      <c r="BO93" s="27"/>
      <c r="BP93" s="27"/>
      <c r="BQ93" s="27"/>
      <c r="BR93" s="27"/>
      <c r="BS93" s="27"/>
      <c r="BT93" s="27"/>
      <c r="BU93" s="27"/>
      <c r="BV93" s="27"/>
      <c r="BW93" s="27"/>
      <c r="BX93" s="27"/>
      <c r="BY93" s="27"/>
      <c r="BZ93" s="27"/>
    </row>
    <row r="94" spans="1:78" s="29" customFormat="1" ht="13.5" customHeight="1">
      <c r="B94" s="490"/>
      <c r="C94" s="503" t="s">
        <v>648</v>
      </c>
      <c r="D94" s="500">
        <v>31223.527789</v>
      </c>
      <c r="E94" s="500">
        <v>11337.377715000001</v>
      </c>
      <c r="F94" s="500">
        <v>63.839945</v>
      </c>
      <c r="G94" s="500">
        <v>38636.753663000003</v>
      </c>
      <c r="H94" s="501">
        <v>0.35828100000000002</v>
      </c>
      <c r="I94" s="500">
        <v>1416</v>
      </c>
      <c r="J94" s="501">
        <v>37.583776999999998</v>
      </c>
      <c r="K94" s="501">
        <v>2.5</v>
      </c>
      <c r="L94" s="500">
        <v>18437.977089</v>
      </c>
      <c r="M94" s="502">
        <v>47.721341316149172</v>
      </c>
      <c r="N94" s="500">
        <v>51.707045000000001</v>
      </c>
      <c r="O94" s="500" t="s">
        <v>560</v>
      </c>
      <c r="P94" s="27"/>
      <c r="Q94" s="27"/>
      <c r="R94" s="27"/>
      <c r="S94" s="27"/>
      <c r="T94" s="27"/>
      <c r="U94" s="27"/>
      <c r="V94" s="27"/>
      <c r="W94" s="27"/>
      <c r="X94" s="27"/>
      <c r="Y94" s="27"/>
      <c r="Z94" s="27"/>
      <c r="AA94" s="27"/>
      <c r="AB94" s="27"/>
      <c r="AC94" s="27"/>
      <c r="AD94" s="27"/>
      <c r="AE94" s="27"/>
      <c r="AF94" s="27"/>
      <c r="AG94" s="27"/>
      <c r="AH94" s="27"/>
      <c r="AI94" s="27"/>
      <c r="AJ94" s="27"/>
      <c r="AK94" s="27"/>
      <c r="AL94" s="27"/>
      <c r="AM94" s="27"/>
      <c r="AN94" s="27"/>
      <c r="AO94" s="27"/>
      <c r="AP94" s="27"/>
      <c r="AQ94" s="27"/>
      <c r="AR94" s="27"/>
      <c r="AS94" s="27"/>
      <c r="AT94" s="27"/>
      <c r="AU94" s="27"/>
      <c r="AV94" s="27"/>
      <c r="AW94" s="27"/>
      <c r="AX94" s="27"/>
      <c r="AY94" s="27"/>
      <c r="AZ94" s="27"/>
      <c r="BA94" s="27"/>
      <c r="BB94" s="27"/>
      <c r="BC94" s="27"/>
      <c r="BD94" s="27"/>
      <c r="BE94" s="27"/>
      <c r="BF94" s="27"/>
      <c r="BG94" s="27"/>
      <c r="BH94" s="27"/>
      <c r="BI94" s="27"/>
      <c r="BJ94" s="27"/>
      <c r="BK94" s="27"/>
      <c r="BL94" s="27"/>
      <c r="BM94" s="27"/>
      <c r="BN94" s="27"/>
      <c r="BO94" s="27"/>
      <c r="BP94" s="27"/>
      <c r="BQ94" s="27"/>
      <c r="BR94" s="27"/>
      <c r="BS94" s="27"/>
      <c r="BT94" s="27"/>
      <c r="BU94" s="27"/>
      <c r="BV94" s="27"/>
      <c r="BW94" s="27"/>
      <c r="BX94" s="27"/>
      <c r="BY94" s="27"/>
      <c r="BZ94" s="27"/>
    </row>
    <row r="95" spans="1:78" s="29" customFormat="1" ht="13.5" customHeight="1">
      <c r="B95" s="490"/>
      <c r="C95" s="503" t="s">
        <v>649</v>
      </c>
      <c r="D95" s="500">
        <v>21964.389815999999</v>
      </c>
      <c r="E95" s="500">
        <v>6404.8560399999997</v>
      </c>
      <c r="F95" s="500">
        <v>46.299202999999999</v>
      </c>
      <c r="G95" s="500">
        <v>24886.791713999999</v>
      </c>
      <c r="H95" s="501">
        <v>0.61374200000000001</v>
      </c>
      <c r="I95" s="500">
        <v>1196</v>
      </c>
      <c r="J95" s="501">
        <v>37.586528000000001</v>
      </c>
      <c r="K95" s="501">
        <v>2.5</v>
      </c>
      <c r="L95" s="500">
        <v>14826.939457</v>
      </c>
      <c r="M95" s="502">
        <v>59.577544696768385</v>
      </c>
      <c r="N95" s="500">
        <v>57.337550999999998</v>
      </c>
      <c r="O95" s="500" t="s">
        <v>560</v>
      </c>
      <c r="P95" s="27"/>
      <c r="Q95" s="27"/>
      <c r="R95" s="27"/>
      <c r="S95" s="27"/>
      <c r="T95" s="27"/>
      <c r="U95" s="27"/>
      <c r="V95" s="27"/>
      <c r="W95" s="27"/>
      <c r="X95" s="27"/>
      <c r="Y95" s="27"/>
      <c r="Z95" s="27"/>
      <c r="AA95" s="27"/>
      <c r="AB95" s="27"/>
      <c r="AC95" s="27"/>
      <c r="AD95" s="27"/>
      <c r="AE95" s="27"/>
      <c r="AF95" s="27"/>
      <c r="AG95" s="27"/>
      <c r="AH95" s="27"/>
      <c r="AI95" s="27"/>
      <c r="AJ95" s="27"/>
      <c r="AK95" s="27"/>
      <c r="AL95" s="27"/>
      <c r="AM95" s="27"/>
      <c r="AN95" s="27"/>
      <c r="AO95" s="27"/>
      <c r="AP95" s="27"/>
      <c r="AQ95" s="27"/>
      <c r="AR95" s="27"/>
      <c r="AS95" s="27"/>
      <c r="AT95" s="27"/>
      <c r="AU95" s="27"/>
      <c r="AV95" s="27"/>
      <c r="AW95" s="27"/>
      <c r="AX95" s="27"/>
      <c r="AY95" s="27"/>
      <c r="AZ95" s="27"/>
      <c r="BA95" s="27"/>
      <c r="BB95" s="27"/>
      <c r="BC95" s="27"/>
      <c r="BD95" s="27"/>
      <c r="BE95" s="27"/>
      <c r="BF95" s="27"/>
      <c r="BG95" s="27"/>
      <c r="BH95" s="27"/>
      <c r="BI95" s="27"/>
      <c r="BJ95" s="27"/>
      <c r="BK95" s="27"/>
      <c r="BL95" s="27"/>
      <c r="BM95" s="27"/>
      <c r="BN95" s="27"/>
      <c r="BO95" s="27"/>
      <c r="BP95" s="27"/>
      <c r="BQ95" s="27"/>
      <c r="BR95" s="27"/>
      <c r="BS95" s="27"/>
      <c r="BT95" s="27"/>
      <c r="BU95" s="27"/>
      <c r="BV95" s="27"/>
      <c r="BW95" s="27"/>
      <c r="BX95" s="27"/>
      <c r="BY95" s="27"/>
      <c r="BZ95" s="27"/>
    </row>
    <row r="96" spans="1:78" s="29" customFormat="1" ht="13.5" customHeight="1">
      <c r="B96" s="490"/>
      <c r="C96" s="503" t="s">
        <v>650</v>
      </c>
      <c r="D96" s="500">
        <v>60733.959180999998</v>
      </c>
      <c r="E96" s="500">
        <v>12444.609168999999</v>
      </c>
      <c r="F96" s="500">
        <v>59.307800999999998</v>
      </c>
      <c r="G96" s="500">
        <v>66090.948212999996</v>
      </c>
      <c r="H96" s="501">
        <v>1.205757</v>
      </c>
      <c r="I96" s="500">
        <v>3597</v>
      </c>
      <c r="J96" s="501">
        <v>38.328263999999997</v>
      </c>
      <c r="K96" s="501">
        <v>2.5</v>
      </c>
      <c r="L96" s="500">
        <v>50643.004322000001</v>
      </c>
      <c r="M96" s="502">
        <v>76.626233533200519</v>
      </c>
      <c r="N96" s="500">
        <v>303.83783199999999</v>
      </c>
      <c r="O96" s="500" t="s">
        <v>560</v>
      </c>
      <c r="P96" s="27"/>
      <c r="Q96" s="27"/>
      <c r="R96" s="27"/>
      <c r="S96" s="27"/>
      <c r="T96" s="27"/>
      <c r="U96" s="27"/>
      <c r="V96" s="27"/>
      <c r="W96" s="27"/>
      <c r="X96" s="27"/>
      <c r="Y96" s="27"/>
      <c r="Z96" s="27"/>
      <c r="AA96" s="27"/>
      <c r="AB96" s="27"/>
      <c r="AC96" s="27"/>
      <c r="AD96" s="27"/>
      <c r="AE96" s="27"/>
      <c r="AF96" s="27"/>
      <c r="AG96" s="27"/>
      <c r="AH96" s="27"/>
      <c r="AI96" s="27"/>
      <c r="AJ96" s="27"/>
      <c r="AK96" s="27"/>
      <c r="AL96" s="27"/>
      <c r="AM96" s="27"/>
      <c r="AN96" s="27"/>
      <c r="AO96" s="27"/>
      <c r="AP96" s="27"/>
      <c r="AQ96" s="27"/>
      <c r="AR96" s="27"/>
      <c r="AS96" s="27"/>
      <c r="AT96" s="27"/>
      <c r="AU96" s="27"/>
      <c r="AV96" s="27"/>
      <c r="AW96" s="27"/>
      <c r="AX96" s="27"/>
      <c r="AY96" s="27"/>
      <c r="AZ96" s="27"/>
      <c r="BA96" s="27"/>
      <c r="BB96" s="27"/>
      <c r="BC96" s="27"/>
      <c r="BD96" s="27"/>
      <c r="BE96" s="27"/>
      <c r="BF96" s="27"/>
      <c r="BG96" s="27"/>
      <c r="BH96" s="27"/>
      <c r="BI96" s="27"/>
      <c r="BJ96" s="27"/>
      <c r="BK96" s="27"/>
      <c r="BL96" s="27"/>
      <c r="BM96" s="27"/>
      <c r="BN96" s="27"/>
      <c r="BO96" s="27"/>
      <c r="BP96" s="27"/>
      <c r="BQ96" s="27"/>
      <c r="BR96" s="27"/>
      <c r="BS96" s="27"/>
      <c r="BT96" s="27"/>
      <c r="BU96" s="27"/>
      <c r="BV96" s="27"/>
      <c r="BW96" s="27"/>
      <c r="BX96" s="27"/>
      <c r="BY96" s="27"/>
      <c r="BZ96" s="27"/>
    </row>
    <row r="97" spans="1:78" s="29" customFormat="1" ht="13.5" customHeight="1">
      <c r="B97" s="490"/>
      <c r="C97" s="503" t="s">
        <v>651</v>
      </c>
      <c r="D97" s="500">
        <v>6066.7720310000004</v>
      </c>
      <c r="E97" s="500">
        <v>935.52961500000004</v>
      </c>
      <c r="F97" s="500">
        <v>35.766126999999997</v>
      </c>
      <c r="G97" s="500">
        <v>6279.158195</v>
      </c>
      <c r="H97" s="501">
        <v>4.1996219999999997</v>
      </c>
      <c r="I97" s="500">
        <v>1136</v>
      </c>
      <c r="J97" s="501">
        <v>39.652025999999999</v>
      </c>
      <c r="K97" s="501">
        <v>2.5</v>
      </c>
      <c r="L97" s="500">
        <v>6998.2756600000002</v>
      </c>
      <c r="M97" s="502">
        <v>111.45245019583393</v>
      </c>
      <c r="N97" s="500">
        <v>102.586598</v>
      </c>
      <c r="O97" s="500" t="s">
        <v>560</v>
      </c>
      <c r="P97" s="27"/>
      <c r="Q97" s="27"/>
      <c r="R97" s="27"/>
      <c r="S97" s="27"/>
      <c r="T97" s="27"/>
      <c r="U97" s="27"/>
      <c r="V97" s="27"/>
      <c r="W97" s="27"/>
      <c r="X97" s="27"/>
      <c r="Y97" s="27"/>
      <c r="Z97" s="27"/>
      <c r="AA97" s="27"/>
      <c r="AB97" s="27"/>
      <c r="AC97" s="27"/>
      <c r="AD97" s="27"/>
      <c r="AE97" s="27"/>
      <c r="AF97" s="27"/>
      <c r="AG97" s="27"/>
      <c r="AH97" s="27"/>
      <c r="AI97" s="27"/>
      <c r="AJ97" s="27"/>
      <c r="AK97" s="27"/>
      <c r="AL97" s="27"/>
      <c r="AM97" s="27"/>
      <c r="AN97" s="27"/>
      <c r="AO97" s="27"/>
      <c r="AP97" s="27"/>
      <c r="AQ97" s="27"/>
      <c r="AR97" s="27"/>
      <c r="AS97" s="27"/>
      <c r="AT97" s="27"/>
      <c r="AU97" s="27"/>
      <c r="AV97" s="27"/>
      <c r="AW97" s="27"/>
      <c r="AX97" s="27"/>
      <c r="AY97" s="27"/>
      <c r="AZ97" s="27"/>
      <c r="BA97" s="27"/>
      <c r="BB97" s="27"/>
      <c r="BC97" s="27"/>
      <c r="BD97" s="27"/>
      <c r="BE97" s="27"/>
      <c r="BF97" s="27"/>
      <c r="BG97" s="27"/>
      <c r="BH97" s="27"/>
      <c r="BI97" s="27"/>
      <c r="BJ97" s="27"/>
      <c r="BK97" s="27"/>
      <c r="BL97" s="27"/>
      <c r="BM97" s="27"/>
      <c r="BN97" s="27"/>
      <c r="BO97" s="27"/>
      <c r="BP97" s="27"/>
      <c r="BQ97" s="27"/>
      <c r="BR97" s="27"/>
      <c r="BS97" s="27"/>
      <c r="BT97" s="27"/>
      <c r="BU97" s="27"/>
      <c r="BV97" s="27"/>
      <c r="BW97" s="27"/>
      <c r="BX97" s="27"/>
      <c r="BY97" s="27"/>
      <c r="BZ97" s="27"/>
    </row>
    <row r="98" spans="1:78" s="29" customFormat="1" ht="13.5" customHeight="1">
      <c r="B98" s="490"/>
      <c r="C98" s="503" t="s">
        <v>652</v>
      </c>
      <c r="D98" s="500">
        <v>737.682368</v>
      </c>
      <c r="E98" s="500">
        <v>115.92448400000001</v>
      </c>
      <c r="F98" s="500">
        <v>30.670926999999999</v>
      </c>
      <c r="G98" s="500">
        <v>753.046783</v>
      </c>
      <c r="H98" s="501">
        <v>16.679618000000001</v>
      </c>
      <c r="I98" s="500">
        <v>70</v>
      </c>
      <c r="J98" s="501">
        <v>35.845469999999999</v>
      </c>
      <c r="K98" s="501">
        <v>2.5</v>
      </c>
      <c r="L98" s="500">
        <v>1095.8201529999999</v>
      </c>
      <c r="M98" s="502">
        <v>145.51820388030262</v>
      </c>
      <c r="N98" s="500">
        <v>44.456429999999997</v>
      </c>
      <c r="O98" s="500" t="s">
        <v>560</v>
      </c>
      <c r="P98" s="27"/>
      <c r="Q98" s="27"/>
      <c r="R98" s="27"/>
      <c r="S98" s="27"/>
      <c r="T98" s="27"/>
      <c r="U98" s="27"/>
      <c r="V98" s="27"/>
      <c r="W98" s="27"/>
      <c r="X98" s="27"/>
      <c r="Y98" s="27"/>
      <c r="Z98" s="27"/>
      <c r="AA98" s="27"/>
      <c r="AB98" s="27"/>
      <c r="AC98" s="27"/>
      <c r="AD98" s="27"/>
      <c r="AE98" s="27"/>
      <c r="AF98" s="27"/>
      <c r="AG98" s="27"/>
      <c r="AH98" s="27"/>
      <c r="AI98" s="27"/>
      <c r="AJ98" s="27"/>
      <c r="AK98" s="27"/>
      <c r="AL98" s="27"/>
      <c r="AM98" s="27"/>
      <c r="AN98" s="27"/>
      <c r="AO98" s="27"/>
      <c r="AP98" s="27"/>
      <c r="AQ98" s="27"/>
      <c r="AR98" s="27"/>
      <c r="AS98" s="27"/>
      <c r="AT98" s="27"/>
      <c r="AU98" s="27"/>
      <c r="AV98" s="27"/>
      <c r="AW98" s="27"/>
      <c r="AX98" s="27"/>
      <c r="AY98" s="27"/>
      <c r="AZ98" s="27"/>
      <c r="BA98" s="27"/>
      <c r="BB98" s="27"/>
      <c r="BC98" s="27"/>
      <c r="BD98" s="27"/>
      <c r="BE98" s="27"/>
      <c r="BF98" s="27"/>
      <c r="BG98" s="27"/>
      <c r="BH98" s="27"/>
      <c r="BI98" s="27"/>
      <c r="BJ98" s="27"/>
      <c r="BK98" s="27"/>
      <c r="BL98" s="27"/>
      <c r="BM98" s="27"/>
      <c r="BN98" s="27"/>
      <c r="BO98" s="27"/>
      <c r="BP98" s="27"/>
      <c r="BQ98" s="27"/>
      <c r="BR98" s="27"/>
      <c r="BS98" s="27"/>
      <c r="BT98" s="27"/>
      <c r="BU98" s="27"/>
      <c r="BV98" s="27"/>
      <c r="BW98" s="27"/>
      <c r="BX98" s="27"/>
      <c r="BY98" s="27"/>
      <c r="BZ98" s="27"/>
    </row>
    <row r="99" spans="1:78" s="29" customFormat="1" ht="13.5" customHeight="1">
      <c r="B99" s="490"/>
      <c r="C99" s="506" t="s">
        <v>653</v>
      </c>
      <c r="D99" s="500">
        <v>3088.9141370000002</v>
      </c>
      <c r="E99" s="500">
        <v>171.49394599999999</v>
      </c>
      <c r="F99" s="500">
        <v>60.801940000000002</v>
      </c>
      <c r="G99" s="500">
        <v>3193.1857850000001</v>
      </c>
      <c r="H99" s="501">
        <v>100</v>
      </c>
      <c r="I99" s="500">
        <v>163</v>
      </c>
      <c r="J99" s="501">
        <v>43.341107000000001</v>
      </c>
      <c r="K99" s="501">
        <v>2.5</v>
      </c>
      <c r="L99" s="500">
        <v>0</v>
      </c>
      <c r="M99" s="502">
        <v>0</v>
      </c>
      <c r="N99" s="500">
        <v>1383.9620950000001</v>
      </c>
      <c r="O99" s="500" t="s">
        <v>560</v>
      </c>
      <c r="P99" s="27"/>
      <c r="Q99" s="27"/>
      <c r="R99" s="27"/>
      <c r="S99" s="27"/>
      <c r="T99" s="27"/>
      <c r="U99" s="27"/>
      <c r="V99" s="27"/>
      <c r="W99" s="27"/>
      <c r="X99" s="27"/>
      <c r="Y99" s="27"/>
      <c r="Z99" s="27"/>
      <c r="AA99" s="27"/>
      <c r="AB99" s="27"/>
      <c r="AC99" s="27"/>
      <c r="AD99" s="27"/>
      <c r="AE99" s="27"/>
      <c r="AF99" s="27"/>
      <c r="AG99" s="27"/>
      <c r="AH99" s="27"/>
      <c r="AI99" s="27"/>
      <c r="AJ99" s="27"/>
      <c r="AK99" s="27"/>
      <c r="AL99" s="27"/>
      <c r="AM99" s="27"/>
      <c r="AN99" s="27"/>
      <c r="AO99" s="27"/>
      <c r="AP99" s="27"/>
      <c r="AQ99" s="27"/>
      <c r="AR99" s="27"/>
      <c r="AS99" s="27"/>
      <c r="AT99" s="27"/>
      <c r="AU99" s="27"/>
      <c r="AV99" s="27"/>
      <c r="AW99" s="27"/>
      <c r="AX99" s="27"/>
      <c r="AY99" s="27"/>
      <c r="AZ99" s="27"/>
      <c r="BA99" s="27"/>
      <c r="BB99" s="27"/>
      <c r="BC99" s="27"/>
      <c r="BD99" s="27"/>
      <c r="BE99" s="27"/>
      <c r="BF99" s="27"/>
      <c r="BG99" s="27"/>
      <c r="BH99" s="27"/>
      <c r="BI99" s="27"/>
      <c r="BJ99" s="27"/>
      <c r="BK99" s="27"/>
      <c r="BL99" s="27"/>
      <c r="BM99" s="27"/>
      <c r="BN99" s="27"/>
      <c r="BO99" s="27"/>
      <c r="BP99" s="27"/>
      <c r="BQ99" s="27"/>
      <c r="BR99" s="27"/>
      <c r="BS99" s="27"/>
      <c r="BT99" s="27"/>
      <c r="BU99" s="27"/>
      <c r="BV99" s="27"/>
      <c r="BW99" s="27"/>
      <c r="BX99" s="27"/>
      <c r="BY99" s="27"/>
      <c r="BZ99" s="27"/>
    </row>
    <row r="100" spans="1:78" s="29" customFormat="1" ht="13.5" customHeight="1">
      <c r="B100" s="515" t="s">
        <v>25</v>
      </c>
      <c r="C100" s="491"/>
      <c r="D100" s="516">
        <v>211572.81744499999</v>
      </c>
      <c r="E100" s="516">
        <v>125750.689646</v>
      </c>
      <c r="F100" s="516">
        <v>60.778606493655239</v>
      </c>
      <c r="G100" s="516">
        <v>280180.14114000002</v>
      </c>
      <c r="H100" s="517">
        <v>1.7260031392456732</v>
      </c>
      <c r="I100" s="516">
        <v>9419</v>
      </c>
      <c r="J100" s="517">
        <v>38.308592430988796</v>
      </c>
      <c r="K100" s="517">
        <v>2.5</v>
      </c>
      <c r="L100" s="516">
        <v>129420.93358</v>
      </c>
      <c r="M100" s="517">
        <v>46.192043823452543</v>
      </c>
      <c r="N100" s="516">
        <v>2005.258394</v>
      </c>
      <c r="O100" s="516">
        <v>2030.876064</v>
      </c>
      <c r="P100" s="27"/>
      <c r="Q100" s="27"/>
      <c r="R100" s="27"/>
      <c r="S100" s="27"/>
      <c r="T100" s="27"/>
      <c r="U100" s="27"/>
      <c r="V100" s="27"/>
      <c r="W100" s="27"/>
      <c r="X100" s="27"/>
      <c r="Y100" s="27"/>
      <c r="Z100" s="27"/>
      <c r="AA100" s="27"/>
      <c r="AB100" s="27"/>
      <c r="AC100" s="27"/>
      <c r="AD100" s="27"/>
      <c r="AE100" s="27"/>
      <c r="AF100" s="27"/>
      <c r="AG100" s="27"/>
      <c r="AH100" s="27"/>
      <c r="AI100" s="27"/>
      <c r="AJ100" s="27"/>
      <c r="AK100" s="27"/>
      <c r="AL100" s="27"/>
      <c r="AM100" s="27"/>
      <c r="AN100" s="27"/>
      <c r="AO100" s="27"/>
      <c r="AP100" s="27"/>
      <c r="AQ100" s="27"/>
      <c r="AR100" s="27"/>
      <c r="AS100" s="27"/>
      <c r="AT100" s="27"/>
      <c r="AU100" s="27"/>
      <c r="AV100" s="27"/>
      <c r="AW100" s="27"/>
      <c r="AX100" s="27"/>
      <c r="AY100" s="27"/>
      <c r="AZ100" s="27"/>
      <c r="BA100" s="27"/>
      <c r="BB100" s="27"/>
      <c r="BC100" s="27"/>
      <c r="BD100" s="27"/>
      <c r="BE100" s="27"/>
      <c r="BF100" s="27"/>
      <c r="BG100" s="27"/>
      <c r="BH100" s="27"/>
      <c r="BI100" s="27"/>
      <c r="BJ100" s="27"/>
      <c r="BK100" s="27"/>
      <c r="BL100" s="27"/>
      <c r="BM100" s="27"/>
      <c r="BN100" s="27"/>
      <c r="BO100" s="27"/>
      <c r="BP100" s="27"/>
      <c r="BQ100" s="27"/>
      <c r="BR100" s="27"/>
      <c r="BS100" s="27"/>
      <c r="BT100" s="27"/>
      <c r="BU100" s="27"/>
      <c r="BV100" s="27"/>
      <c r="BW100" s="27"/>
      <c r="BX100" s="27"/>
      <c r="BY100" s="27"/>
      <c r="BZ100" s="27"/>
    </row>
    <row r="101" spans="1:78" s="46" customFormat="1" ht="13.5" customHeight="1">
      <c r="A101" s="29"/>
      <c r="B101" s="518"/>
      <c r="C101" s="490"/>
      <c r="D101" s="512"/>
      <c r="E101" s="512"/>
      <c r="F101" s="512"/>
      <c r="G101" s="512"/>
      <c r="H101" s="513"/>
      <c r="I101" s="512"/>
      <c r="J101" s="513"/>
      <c r="K101" s="513"/>
      <c r="L101" s="512"/>
      <c r="M101" s="519"/>
      <c r="N101" s="512"/>
      <c r="O101" s="512"/>
      <c r="P101" s="27"/>
      <c r="Q101" s="27"/>
      <c r="R101" s="27"/>
      <c r="S101" s="27"/>
      <c r="T101" s="27"/>
      <c r="U101" s="27"/>
      <c r="V101" s="27"/>
      <c r="W101" s="27"/>
      <c r="X101" s="27"/>
      <c r="Y101" s="27"/>
      <c r="Z101" s="27"/>
      <c r="AA101" s="27"/>
      <c r="AB101" s="27"/>
      <c r="AC101" s="27"/>
      <c r="AD101" s="27"/>
      <c r="AE101" s="27"/>
      <c r="AF101" s="27"/>
      <c r="AG101" s="27"/>
      <c r="AH101" s="27"/>
      <c r="AI101" s="27"/>
      <c r="AJ101" s="27"/>
      <c r="AK101" s="27"/>
      <c r="AL101" s="27"/>
      <c r="AM101" s="27"/>
      <c r="AN101" s="27"/>
      <c r="AO101" s="27"/>
      <c r="AP101" s="27"/>
      <c r="AQ101" s="27"/>
      <c r="AR101" s="27"/>
      <c r="AS101" s="27"/>
      <c r="AT101" s="27"/>
      <c r="AU101" s="27"/>
      <c r="AV101" s="27"/>
      <c r="AW101" s="27"/>
      <c r="AX101" s="27"/>
      <c r="AY101" s="27"/>
      <c r="AZ101" s="27"/>
      <c r="BA101" s="27"/>
      <c r="BB101" s="27"/>
      <c r="BC101" s="27"/>
      <c r="BD101" s="27"/>
      <c r="BE101" s="27"/>
      <c r="BF101" s="27"/>
      <c r="BG101" s="27"/>
      <c r="BH101" s="27"/>
      <c r="BI101" s="27"/>
      <c r="BJ101" s="27"/>
      <c r="BK101" s="27"/>
      <c r="BL101" s="27"/>
      <c r="BM101" s="27"/>
      <c r="BN101" s="27"/>
      <c r="BO101" s="27"/>
      <c r="BP101" s="27"/>
      <c r="BQ101" s="27"/>
      <c r="BR101" s="27"/>
      <c r="BS101" s="27"/>
      <c r="BT101" s="27"/>
      <c r="BU101" s="27"/>
      <c r="BV101" s="27"/>
      <c r="BW101" s="27"/>
      <c r="BX101" s="27"/>
      <c r="BY101" s="27"/>
      <c r="BZ101" s="27"/>
    </row>
    <row r="102" spans="1:78">
      <c r="A102" s="29"/>
      <c r="B102" s="499" t="s">
        <v>176</v>
      </c>
      <c r="C102" s="500" t="s">
        <v>646</v>
      </c>
      <c r="D102" s="500">
        <v>46424.016199999998</v>
      </c>
      <c r="E102" s="500">
        <v>14984.930095</v>
      </c>
      <c r="F102" s="500">
        <v>57.876677000000001</v>
      </c>
      <c r="G102" s="500">
        <v>54826.510688000002</v>
      </c>
      <c r="H102" s="501">
        <v>3.5881000000000003E-2</v>
      </c>
      <c r="I102" s="500">
        <v>217</v>
      </c>
      <c r="J102" s="501">
        <v>25.449033</v>
      </c>
      <c r="K102" s="501">
        <v>2.5</v>
      </c>
      <c r="L102" s="500">
        <v>6846.6184880000001</v>
      </c>
      <c r="M102" s="502">
        <v>12.487788119440792</v>
      </c>
      <c r="N102" s="500">
        <v>5.0103369999999998</v>
      </c>
      <c r="O102" s="500" t="s">
        <v>560</v>
      </c>
    </row>
    <row r="103" spans="1:78" s="29" customFormat="1">
      <c r="B103" s="490"/>
      <c r="C103" s="503" t="s">
        <v>647</v>
      </c>
      <c r="D103" s="500">
        <v>1172.2405269999999</v>
      </c>
      <c r="E103" s="500">
        <v>8182.5924009999999</v>
      </c>
      <c r="F103" s="500">
        <v>55.943398999999999</v>
      </c>
      <c r="G103" s="500">
        <v>5416.6795920000004</v>
      </c>
      <c r="H103" s="501">
        <v>0.185223</v>
      </c>
      <c r="I103" s="500">
        <v>124</v>
      </c>
      <c r="J103" s="501">
        <v>44.936449000000003</v>
      </c>
      <c r="K103" s="501">
        <v>2.5</v>
      </c>
      <c r="L103" s="500">
        <v>2471.0921509999998</v>
      </c>
      <c r="M103" s="502">
        <v>45.620053928417775</v>
      </c>
      <c r="N103" s="500">
        <v>4.507625</v>
      </c>
      <c r="O103" s="500" t="s">
        <v>560</v>
      </c>
      <c r="P103" s="27"/>
      <c r="Q103" s="27"/>
      <c r="R103" s="27"/>
      <c r="S103" s="27"/>
      <c r="T103" s="27"/>
      <c r="U103" s="27"/>
      <c r="V103" s="27"/>
      <c r="W103" s="27"/>
      <c r="X103" s="27"/>
      <c r="Y103" s="27"/>
      <c r="Z103" s="27"/>
      <c r="AA103" s="27"/>
      <c r="AB103" s="27"/>
      <c r="AC103" s="27"/>
      <c r="AD103" s="27"/>
      <c r="AE103" s="27"/>
      <c r="AF103" s="27"/>
      <c r="AG103" s="27"/>
      <c r="AH103" s="27"/>
      <c r="AI103" s="27"/>
      <c r="AJ103" s="27"/>
      <c r="AK103" s="27"/>
      <c r="AL103" s="27"/>
      <c r="AM103" s="27"/>
      <c r="AN103" s="27"/>
      <c r="AO103" s="27"/>
      <c r="AP103" s="27"/>
      <c r="AQ103" s="27"/>
      <c r="AR103" s="27"/>
      <c r="AS103" s="27"/>
      <c r="AT103" s="27"/>
      <c r="AU103" s="27"/>
      <c r="AV103" s="27"/>
      <c r="AW103" s="27"/>
      <c r="AX103" s="27"/>
      <c r="AY103" s="27"/>
      <c r="AZ103" s="27"/>
      <c r="BA103" s="27"/>
      <c r="BB103" s="27"/>
      <c r="BC103" s="27"/>
      <c r="BD103" s="27"/>
      <c r="BE103" s="27"/>
      <c r="BF103" s="27"/>
      <c r="BG103" s="27"/>
      <c r="BH103" s="27"/>
      <c r="BI103" s="27"/>
      <c r="BJ103" s="27"/>
      <c r="BK103" s="27"/>
      <c r="BL103" s="27"/>
      <c r="BM103" s="27"/>
      <c r="BN103" s="27"/>
      <c r="BO103" s="27"/>
      <c r="BP103" s="27"/>
      <c r="BQ103" s="27"/>
      <c r="BR103" s="27"/>
      <c r="BS103" s="27"/>
      <c r="BT103" s="27"/>
      <c r="BU103" s="27"/>
      <c r="BV103" s="27"/>
      <c r="BW103" s="27"/>
      <c r="BX103" s="27"/>
      <c r="BY103" s="27"/>
      <c r="BZ103" s="27"/>
    </row>
    <row r="104" spans="1:78" s="29" customFormat="1">
      <c r="B104" s="490"/>
      <c r="C104" s="503" t="s">
        <v>648</v>
      </c>
      <c r="D104" s="500">
        <v>2459.7128520000001</v>
      </c>
      <c r="E104" s="500">
        <v>426.05483400000003</v>
      </c>
      <c r="F104" s="500">
        <v>65.107648999999995</v>
      </c>
      <c r="G104" s="500">
        <v>2450.3810189999999</v>
      </c>
      <c r="H104" s="501">
        <v>0.39182400000000001</v>
      </c>
      <c r="I104" s="500">
        <v>40</v>
      </c>
      <c r="J104" s="501">
        <v>39.677408</v>
      </c>
      <c r="K104" s="501">
        <v>2.5</v>
      </c>
      <c r="L104" s="500">
        <v>1483.2178269999999</v>
      </c>
      <c r="M104" s="502">
        <v>60.530089626849168</v>
      </c>
      <c r="N104" s="500">
        <v>3.823321</v>
      </c>
      <c r="O104" s="500" t="s">
        <v>560</v>
      </c>
      <c r="P104" s="27"/>
      <c r="Q104" s="27"/>
      <c r="R104" s="27"/>
      <c r="S104" s="27"/>
      <c r="T104" s="27"/>
      <c r="U104" s="27"/>
      <c r="V104" s="27"/>
      <c r="W104" s="27"/>
      <c r="X104" s="27"/>
      <c r="Y104" s="27"/>
      <c r="Z104" s="27"/>
      <c r="AA104" s="27"/>
      <c r="AB104" s="27"/>
      <c r="AC104" s="27"/>
      <c r="AD104" s="27"/>
      <c r="AE104" s="27"/>
      <c r="AF104" s="27"/>
      <c r="AG104" s="27"/>
      <c r="AH104" s="27"/>
      <c r="AI104" s="27"/>
      <c r="AJ104" s="27"/>
      <c r="AK104" s="27"/>
      <c r="AL104" s="27"/>
      <c r="AM104" s="27"/>
      <c r="AN104" s="27"/>
      <c r="AO104" s="27"/>
      <c r="AP104" s="27"/>
      <c r="AQ104" s="27"/>
      <c r="AR104" s="27"/>
      <c r="AS104" s="27"/>
      <c r="AT104" s="27"/>
      <c r="AU104" s="27"/>
      <c r="AV104" s="27"/>
      <c r="AW104" s="27"/>
      <c r="AX104" s="27"/>
      <c r="AY104" s="27"/>
      <c r="AZ104" s="27"/>
      <c r="BA104" s="27"/>
      <c r="BB104" s="27"/>
      <c r="BC104" s="27"/>
      <c r="BD104" s="27"/>
      <c r="BE104" s="27"/>
      <c r="BF104" s="27"/>
      <c r="BG104" s="27"/>
      <c r="BH104" s="27"/>
      <c r="BI104" s="27"/>
      <c r="BJ104" s="27"/>
      <c r="BK104" s="27"/>
      <c r="BL104" s="27"/>
      <c r="BM104" s="27"/>
      <c r="BN104" s="27"/>
      <c r="BO104" s="27"/>
      <c r="BP104" s="27"/>
      <c r="BQ104" s="27"/>
      <c r="BR104" s="27"/>
      <c r="BS104" s="27"/>
      <c r="BT104" s="27"/>
      <c r="BU104" s="27"/>
      <c r="BV104" s="27"/>
      <c r="BW104" s="27"/>
      <c r="BX104" s="27"/>
      <c r="BY104" s="27"/>
      <c r="BZ104" s="27"/>
    </row>
    <row r="105" spans="1:78" s="29" customFormat="1">
      <c r="B105" s="490"/>
      <c r="C105" s="503" t="s">
        <v>649</v>
      </c>
      <c r="D105" s="500">
        <v>94.215145000000007</v>
      </c>
      <c r="E105" s="500"/>
      <c r="F105" s="500"/>
      <c r="G105" s="500">
        <v>94.215145000000007</v>
      </c>
      <c r="H105" s="501">
        <v>0.7</v>
      </c>
      <c r="I105" s="500">
        <v>5</v>
      </c>
      <c r="J105" s="501">
        <v>35</v>
      </c>
      <c r="K105" s="501">
        <v>2.5</v>
      </c>
      <c r="L105" s="500">
        <v>62.528885000000002</v>
      </c>
      <c r="M105" s="502">
        <v>66.368188469061948</v>
      </c>
      <c r="N105" s="500">
        <v>0.230827</v>
      </c>
      <c r="O105" s="500" t="s">
        <v>560</v>
      </c>
      <c r="P105" s="41"/>
      <c r="Q105" s="27"/>
      <c r="R105" s="27"/>
      <c r="S105" s="27"/>
      <c r="T105" s="27"/>
      <c r="U105" s="27"/>
      <c r="V105" s="27"/>
      <c r="W105" s="27"/>
      <c r="X105" s="27"/>
      <c r="Y105" s="27"/>
      <c r="Z105" s="27"/>
      <c r="AA105" s="27"/>
      <c r="AB105" s="27"/>
      <c r="AC105" s="27"/>
      <c r="AD105" s="27"/>
      <c r="AE105" s="27"/>
      <c r="AF105" s="27"/>
      <c r="AG105" s="27"/>
      <c r="AH105" s="27"/>
      <c r="AI105" s="27"/>
      <c r="AJ105" s="27"/>
      <c r="AK105" s="27"/>
      <c r="AL105" s="27"/>
      <c r="AM105" s="27"/>
      <c r="AN105" s="27"/>
      <c r="AO105" s="27"/>
      <c r="AP105" s="27"/>
      <c r="AQ105" s="27"/>
      <c r="AR105" s="27"/>
      <c r="AS105" s="27"/>
      <c r="AT105" s="27"/>
      <c r="AU105" s="27"/>
      <c r="AV105" s="27"/>
      <c r="AW105" s="27"/>
      <c r="AX105" s="27"/>
      <c r="AY105" s="27"/>
      <c r="AZ105" s="27"/>
      <c r="BA105" s="27"/>
      <c r="BB105" s="27"/>
      <c r="BC105" s="27"/>
      <c r="BD105" s="27"/>
      <c r="BE105" s="27"/>
      <c r="BF105" s="27"/>
      <c r="BG105" s="27"/>
      <c r="BH105" s="27"/>
      <c r="BI105" s="27"/>
      <c r="BJ105" s="27"/>
      <c r="BK105" s="27"/>
      <c r="BL105" s="27"/>
      <c r="BM105" s="27"/>
      <c r="BN105" s="27"/>
      <c r="BO105" s="27"/>
      <c r="BP105" s="27"/>
      <c r="BQ105" s="27"/>
      <c r="BR105" s="27"/>
      <c r="BS105" s="27"/>
      <c r="BT105" s="27"/>
      <c r="BU105" s="27"/>
      <c r="BV105" s="27"/>
      <c r="BW105" s="27"/>
      <c r="BX105" s="27"/>
      <c r="BY105" s="27"/>
      <c r="BZ105" s="27"/>
    </row>
    <row r="106" spans="1:78" s="29" customFormat="1">
      <c r="B106" s="490"/>
      <c r="C106" s="503" t="s">
        <v>650</v>
      </c>
      <c r="D106" s="500">
        <v>4910.9483920000002</v>
      </c>
      <c r="E106" s="500">
        <v>841.95616299999995</v>
      </c>
      <c r="F106" s="500">
        <v>63.924667999999997</v>
      </c>
      <c r="G106" s="500">
        <v>5449.16608</v>
      </c>
      <c r="H106" s="501">
        <v>1.2626630000000001</v>
      </c>
      <c r="I106" s="500">
        <v>51</v>
      </c>
      <c r="J106" s="501">
        <v>44.538440999999999</v>
      </c>
      <c r="K106" s="501">
        <v>2.5</v>
      </c>
      <c r="L106" s="500">
        <v>5666.7526429999998</v>
      </c>
      <c r="M106" s="502">
        <v>103.99302498410913</v>
      </c>
      <c r="N106" s="500">
        <v>30.665852000000001</v>
      </c>
      <c r="O106" s="500" t="s">
        <v>560</v>
      </c>
      <c r="P106" s="41"/>
      <c r="Q106" s="27"/>
      <c r="R106" s="27"/>
      <c r="S106" s="27"/>
      <c r="T106" s="27"/>
      <c r="U106" s="27"/>
      <c r="V106" s="27"/>
      <c r="W106" s="27"/>
      <c r="X106" s="27"/>
      <c r="Y106" s="27"/>
      <c r="Z106" s="27"/>
      <c r="AA106" s="27"/>
      <c r="AB106" s="27"/>
      <c r="AC106" s="27"/>
      <c r="AD106" s="27"/>
      <c r="AE106" s="27"/>
      <c r="AF106" s="27"/>
      <c r="AG106" s="27"/>
      <c r="AH106" s="27"/>
      <c r="AI106" s="27"/>
      <c r="AJ106" s="27"/>
      <c r="AK106" s="27"/>
      <c r="AL106" s="27"/>
      <c r="AM106" s="27"/>
      <c r="AN106" s="27"/>
      <c r="AO106" s="27"/>
      <c r="AP106" s="27"/>
      <c r="AQ106" s="27"/>
      <c r="AR106" s="27"/>
      <c r="AS106" s="27"/>
      <c r="AT106" s="27"/>
      <c r="AU106" s="27"/>
      <c r="AV106" s="27"/>
      <c r="AW106" s="27"/>
      <c r="AX106" s="27"/>
      <c r="AY106" s="27"/>
      <c r="AZ106" s="27"/>
      <c r="BA106" s="27"/>
      <c r="BB106" s="27"/>
      <c r="BC106" s="27"/>
      <c r="BD106" s="27"/>
      <c r="BE106" s="27"/>
      <c r="BF106" s="27"/>
      <c r="BG106" s="27"/>
      <c r="BH106" s="27"/>
      <c r="BI106" s="27"/>
      <c r="BJ106" s="27"/>
      <c r="BK106" s="27"/>
      <c r="BL106" s="27"/>
      <c r="BM106" s="27"/>
      <c r="BN106" s="27"/>
      <c r="BO106" s="27"/>
      <c r="BP106" s="27"/>
      <c r="BQ106" s="27"/>
      <c r="BR106" s="27"/>
      <c r="BS106" s="27"/>
      <c r="BT106" s="27"/>
      <c r="BU106" s="27"/>
      <c r="BV106" s="27"/>
      <c r="BW106" s="27"/>
      <c r="BX106" s="27"/>
      <c r="BY106" s="27"/>
      <c r="BZ106" s="27"/>
    </row>
    <row r="107" spans="1:78" s="29" customFormat="1">
      <c r="B107" s="490"/>
      <c r="C107" s="503" t="s">
        <v>651</v>
      </c>
      <c r="D107" s="500">
        <v>1309.512203</v>
      </c>
      <c r="E107" s="500">
        <v>436.03228899999999</v>
      </c>
      <c r="F107" s="500">
        <v>58.291924999999999</v>
      </c>
      <c r="G107" s="500">
        <v>1563.683822</v>
      </c>
      <c r="H107" s="501">
        <v>3.8898670000000002</v>
      </c>
      <c r="I107" s="500">
        <v>23</v>
      </c>
      <c r="J107" s="501">
        <v>45</v>
      </c>
      <c r="K107" s="501">
        <v>2.5</v>
      </c>
      <c r="L107" s="500">
        <v>2346.0334560000001</v>
      </c>
      <c r="M107" s="502">
        <v>150.0324696714807</v>
      </c>
      <c r="N107" s="500">
        <v>27.371354</v>
      </c>
      <c r="O107" s="500" t="s">
        <v>560</v>
      </c>
      <c r="P107" s="41"/>
      <c r="Q107" s="27"/>
      <c r="R107" s="27"/>
      <c r="S107" s="27"/>
      <c r="T107" s="27"/>
      <c r="U107" s="27"/>
      <c r="V107" s="27"/>
      <c r="W107" s="27"/>
      <c r="X107" s="27"/>
      <c r="Y107" s="27"/>
      <c r="Z107" s="27"/>
      <c r="AA107" s="27"/>
      <c r="AB107" s="27"/>
      <c r="AC107" s="27"/>
      <c r="AD107" s="27"/>
      <c r="AE107" s="27"/>
      <c r="AF107" s="27"/>
      <c r="AG107" s="27"/>
      <c r="AH107" s="27"/>
      <c r="AI107" s="27"/>
      <c r="AJ107" s="27"/>
      <c r="AK107" s="27"/>
      <c r="AL107" s="27"/>
      <c r="AM107" s="27"/>
      <c r="AN107" s="27"/>
      <c r="AO107" s="27"/>
      <c r="AP107" s="27"/>
      <c r="AQ107" s="27"/>
      <c r="AR107" s="27"/>
      <c r="AS107" s="27"/>
      <c r="AT107" s="27"/>
      <c r="AU107" s="27"/>
      <c r="AV107" s="27"/>
      <c r="AW107" s="27"/>
      <c r="AX107" s="27"/>
      <c r="AY107" s="27"/>
      <c r="AZ107" s="27"/>
      <c r="BA107" s="27"/>
      <c r="BB107" s="27"/>
      <c r="BC107" s="27"/>
      <c r="BD107" s="27"/>
      <c r="BE107" s="27"/>
      <c r="BF107" s="27"/>
      <c r="BG107" s="27"/>
      <c r="BH107" s="27"/>
      <c r="BI107" s="27"/>
      <c r="BJ107" s="27"/>
      <c r="BK107" s="27"/>
      <c r="BL107" s="27"/>
      <c r="BM107" s="27"/>
      <c r="BN107" s="27"/>
      <c r="BO107" s="27"/>
      <c r="BP107" s="27"/>
      <c r="BQ107" s="27"/>
      <c r="BR107" s="27"/>
      <c r="BS107" s="27"/>
      <c r="BT107" s="27"/>
      <c r="BU107" s="27"/>
      <c r="BV107" s="27"/>
      <c r="BW107" s="27"/>
      <c r="BX107" s="27"/>
      <c r="BY107" s="27"/>
      <c r="BZ107" s="27"/>
    </row>
    <row r="108" spans="1:78" s="29" customFormat="1">
      <c r="B108" s="490"/>
      <c r="C108" s="503" t="s">
        <v>652</v>
      </c>
      <c r="D108" s="500">
        <v>26.725743999999999</v>
      </c>
      <c r="E108" s="500">
        <v>226.298867</v>
      </c>
      <c r="F108" s="500">
        <v>31.817187000000001</v>
      </c>
      <c r="G108" s="500">
        <v>98.727680000000007</v>
      </c>
      <c r="H108" s="501">
        <v>16.057881999999999</v>
      </c>
      <c r="I108" s="500">
        <v>7</v>
      </c>
      <c r="J108" s="501">
        <v>24.683202999999999</v>
      </c>
      <c r="K108" s="501">
        <v>2.5</v>
      </c>
      <c r="L108" s="500">
        <v>136.69673299999999</v>
      </c>
      <c r="M108" s="502">
        <v>138.45836648850656</v>
      </c>
      <c r="N108" s="500">
        <v>2.9220329999999999</v>
      </c>
      <c r="O108" s="500" t="s">
        <v>560</v>
      </c>
      <c r="P108" s="41"/>
      <c r="Q108" s="27"/>
      <c r="R108" s="27"/>
      <c r="S108" s="27"/>
      <c r="T108" s="27"/>
      <c r="U108" s="27"/>
      <c r="V108" s="27"/>
      <c r="W108" s="27"/>
      <c r="X108" s="27"/>
      <c r="Y108" s="27"/>
      <c r="Z108" s="27"/>
      <c r="AA108" s="27"/>
      <c r="AB108" s="27"/>
      <c r="AC108" s="27"/>
      <c r="AD108" s="27"/>
      <c r="AE108" s="27"/>
      <c r="AF108" s="27"/>
      <c r="AG108" s="27"/>
      <c r="AH108" s="27"/>
      <c r="AI108" s="27"/>
      <c r="AJ108" s="27"/>
      <c r="AK108" s="27"/>
      <c r="AL108" s="27"/>
      <c r="AM108" s="27"/>
      <c r="AN108" s="27"/>
      <c r="AO108" s="27"/>
      <c r="AP108" s="27"/>
      <c r="AQ108" s="27"/>
      <c r="AR108" s="27"/>
      <c r="AS108" s="27"/>
      <c r="AT108" s="27"/>
      <c r="AU108" s="27"/>
      <c r="AV108" s="27"/>
      <c r="AW108" s="27"/>
      <c r="AX108" s="27"/>
      <c r="AY108" s="27"/>
      <c r="AZ108" s="27"/>
      <c r="BA108" s="27"/>
      <c r="BB108" s="27"/>
      <c r="BC108" s="27"/>
      <c r="BD108" s="27"/>
      <c r="BE108" s="27"/>
      <c r="BF108" s="27"/>
      <c r="BG108" s="27"/>
      <c r="BH108" s="27"/>
      <c r="BI108" s="27"/>
      <c r="BJ108" s="27"/>
      <c r="BK108" s="27"/>
      <c r="BL108" s="27"/>
      <c r="BM108" s="27"/>
      <c r="BN108" s="27"/>
      <c r="BO108" s="27"/>
      <c r="BP108" s="27"/>
      <c r="BQ108" s="27"/>
      <c r="BR108" s="27"/>
      <c r="BS108" s="27"/>
      <c r="BT108" s="27"/>
      <c r="BU108" s="27"/>
      <c r="BV108" s="27"/>
      <c r="BW108" s="27"/>
      <c r="BX108" s="27"/>
      <c r="BY108" s="27"/>
      <c r="BZ108" s="27"/>
    </row>
    <row r="109" spans="1:78" s="29" customFormat="1">
      <c r="B109" s="505"/>
      <c r="C109" s="506" t="s">
        <v>653</v>
      </c>
      <c r="D109" s="507">
        <v>432.98872</v>
      </c>
      <c r="E109" s="507">
        <v>57.574961999999999</v>
      </c>
      <c r="F109" s="507">
        <v>81.494629000000003</v>
      </c>
      <c r="G109" s="507">
        <v>479.909222</v>
      </c>
      <c r="H109" s="508">
        <v>100</v>
      </c>
      <c r="I109" s="507">
        <v>3</v>
      </c>
      <c r="J109" s="508">
        <v>45</v>
      </c>
      <c r="K109" s="508">
        <v>2.5</v>
      </c>
      <c r="L109" s="507">
        <v>0</v>
      </c>
      <c r="M109" s="502">
        <v>0</v>
      </c>
      <c r="N109" s="507">
        <v>215.959149</v>
      </c>
      <c r="O109" s="500" t="s">
        <v>560</v>
      </c>
      <c r="P109" s="41"/>
      <c r="Q109" s="27"/>
      <c r="R109" s="27"/>
      <c r="S109" s="27"/>
      <c r="T109" s="27"/>
      <c r="U109" s="27"/>
      <c r="V109" s="27"/>
      <c r="W109" s="27"/>
      <c r="X109" s="27"/>
      <c r="Y109" s="27"/>
      <c r="Z109" s="27"/>
      <c r="AA109" s="27"/>
      <c r="AB109" s="27"/>
      <c r="AC109" s="27"/>
      <c r="AD109" s="27"/>
      <c r="AE109" s="27"/>
      <c r="AF109" s="27"/>
      <c r="AG109" s="27"/>
      <c r="AH109" s="27"/>
      <c r="AI109" s="27"/>
      <c r="AJ109" s="27"/>
      <c r="AK109" s="27"/>
      <c r="AL109" s="27"/>
      <c r="AM109" s="27"/>
      <c r="AN109" s="27"/>
      <c r="AO109" s="27"/>
      <c r="AP109" s="27"/>
      <c r="AQ109" s="27"/>
      <c r="AR109" s="27"/>
      <c r="AS109" s="27"/>
      <c r="AT109" s="27"/>
      <c r="AU109" s="27"/>
      <c r="AV109" s="27"/>
      <c r="AW109" s="27"/>
      <c r="AX109" s="27"/>
      <c r="AY109" s="27"/>
      <c r="AZ109" s="27"/>
      <c r="BA109" s="27"/>
      <c r="BB109" s="27"/>
      <c r="BC109" s="27"/>
      <c r="BD109" s="27"/>
      <c r="BE109" s="27"/>
      <c r="BF109" s="27"/>
      <c r="BG109" s="27"/>
      <c r="BH109" s="27"/>
      <c r="BI109" s="27"/>
      <c r="BJ109" s="27"/>
      <c r="BK109" s="27"/>
      <c r="BL109" s="27"/>
      <c r="BM109" s="27"/>
      <c r="BN109" s="27"/>
      <c r="BO109" s="27"/>
      <c r="BP109" s="27"/>
      <c r="BQ109" s="27"/>
      <c r="BR109" s="27"/>
      <c r="BS109" s="27"/>
      <c r="BT109" s="27"/>
      <c r="BU109" s="27"/>
      <c r="BV109" s="27"/>
      <c r="BW109" s="27"/>
      <c r="BX109" s="27"/>
      <c r="BY109" s="27"/>
      <c r="BZ109" s="27"/>
    </row>
    <row r="110" spans="1:78" s="29" customFormat="1">
      <c r="B110" s="499" t="s">
        <v>25</v>
      </c>
      <c r="C110" s="499"/>
      <c r="D110" s="516">
        <v>56830.359783</v>
      </c>
      <c r="E110" s="516">
        <v>25155.439611000002</v>
      </c>
      <c r="F110" s="516">
        <v>57.399537647857485</v>
      </c>
      <c r="G110" s="516">
        <v>70379.273247999998</v>
      </c>
      <c r="H110" s="517">
        <v>0.94538990558731084</v>
      </c>
      <c r="I110" s="516">
        <v>470</v>
      </c>
      <c r="J110" s="517">
        <v>29.501672751214095</v>
      </c>
      <c r="K110" s="517">
        <v>2.5</v>
      </c>
      <c r="L110" s="516">
        <v>19012.940182999999</v>
      </c>
      <c r="M110" s="517">
        <v>27.014970893494272</v>
      </c>
      <c r="N110" s="516">
        <v>290.490498</v>
      </c>
      <c r="O110" s="516">
        <v>150.47010900000001</v>
      </c>
      <c r="P110" s="41"/>
      <c r="Q110" s="27"/>
      <c r="R110" s="27"/>
      <c r="S110" s="27"/>
      <c r="T110" s="27"/>
      <c r="U110" s="27"/>
      <c r="V110" s="27"/>
      <c r="W110" s="27"/>
      <c r="X110" s="27"/>
      <c r="Y110" s="27"/>
      <c r="Z110" s="27"/>
      <c r="AA110" s="27"/>
      <c r="AB110" s="27"/>
      <c r="AC110" s="27"/>
      <c r="AD110" s="27"/>
      <c r="AE110" s="27"/>
      <c r="AF110" s="27"/>
      <c r="AG110" s="27"/>
      <c r="AH110" s="27"/>
      <c r="AI110" s="27"/>
      <c r="AJ110" s="27"/>
      <c r="AK110" s="27"/>
      <c r="AL110" s="27"/>
      <c r="AM110" s="27"/>
      <c r="AN110" s="27"/>
      <c r="AO110" s="27"/>
      <c r="AP110" s="27"/>
      <c r="AQ110" s="27"/>
      <c r="AR110" s="27"/>
      <c r="AS110" s="27"/>
      <c r="AT110" s="27"/>
      <c r="AU110" s="27"/>
      <c r="AV110" s="27"/>
      <c r="AW110" s="27"/>
      <c r="AX110" s="27"/>
      <c r="AY110" s="27"/>
      <c r="AZ110" s="27"/>
      <c r="BA110" s="27"/>
      <c r="BB110" s="27"/>
      <c r="BC110" s="27"/>
      <c r="BD110" s="27"/>
      <c r="BE110" s="27"/>
      <c r="BF110" s="27"/>
      <c r="BG110" s="27"/>
      <c r="BH110" s="27"/>
      <c r="BI110" s="27"/>
      <c r="BJ110" s="27"/>
      <c r="BK110" s="27"/>
      <c r="BL110" s="27"/>
      <c r="BM110" s="27"/>
      <c r="BN110" s="27"/>
      <c r="BO110" s="27"/>
      <c r="BP110" s="27"/>
      <c r="BQ110" s="27"/>
      <c r="BR110" s="27"/>
      <c r="BS110" s="27"/>
      <c r="BT110" s="27"/>
      <c r="BU110" s="27"/>
      <c r="BV110" s="27"/>
      <c r="BW110" s="27"/>
      <c r="BX110" s="27"/>
      <c r="BY110" s="27"/>
      <c r="BZ110" s="27"/>
    </row>
    <row r="111" spans="1:78" s="46" customFormat="1">
      <c r="A111" s="29"/>
      <c r="B111" s="518"/>
      <c r="C111" s="490"/>
      <c r="D111" s="512"/>
      <c r="E111" s="512"/>
      <c r="F111" s="512"/>
      <c r="G111" s="512"/>
      <c r="H111" s="513"/>
      <c r="I111" s="512"/>
      <c r="J111" s="513"/>
      <c r="K111" s="513"/>
      <c r="L111" s="512"/>
      <c r="M111" s="520"/>
      <c r="N111" s="512"/>
      <c r="O111" s="512"/>
      <c r="P111" s="41"/>
      <c r="Q111" s="27"/>
      <c r="R111" s="27"/>
      <c r="S111" s="27"/>
      <c r="T111" s="27"/>
      <c r="U111" s="27"/>
      <c r="V111" s="27"/>
      <c r="W111" s="27"/>
      <c r="X111" s="27"/>
      <c r="Y111" s="27"/>
      <c r="Z111" s="27"/>
      <c r="AA111" s="27"/>
      <c r="AB111" s="27"/>
      <c r="AC111" s="27"/>
      <c r="AD111" s="27"/>
      <c r="AE111" s="27"/>
      <c r="AF111" s="27"/>
      <c r="AG111" s="27"/>
      <c r="AH111" s="27"/>
      <c r="AI111" s="27"/>
      <c r="AJ111" s="27"/>
      <c r="AK111" s="27"/>
      <c r="AL111" s="27"/>
      <c r="AM111" s="27"/>
      <c r="AN111" s="27"/>
      <c r="AO111" s="27"/>
      <c r="AP111" s="27"/>
      <c r="AQ111" s="27"/>
      <c r="AR111" s="27"/>
      <c r="AS111" s="27"/>
      <c r="AT111" s="27"/>
      <c r="AU111" s="27"/>
      <c r="AV111" s="27"/>
      <c r="AW111" s="27"/>
      <c r="AX111" s="27"/>
      <c r="AY111" s="27"/>
      <c r="AZ111" s="27"/>
      <c r="BA111" s="27"/>
      <c r="BB111" s="27"/>
      <c r="BC111" s="27"/>
      <c r="BD111" s="27"/>
      <c r="BE111" s="27"/>
      <c r="BF111" s="27"/>
      <c r="BG111" s="27"/>
      <c r="BH111" s="27"/>
      <c r="BI111" s="27"/>
      <c r="BJ111" s="27"/>
      <c r="BK111" s="27"/>
      <c r="BL111" s="27"/>
      <c r="BM111" s="27"/>
      <c r="BN111" s="27"/>
      <c r="BO111" s="27"/>
      <c r="BP111" s="27"/>
      <c r="BQ111" s="27"/>
      <c r="BR111" s="27"/>
      <c r="BS111" s="27"/>
      <c r="BT111" s="27"/>
      <c r="BU111" s="27"/>
      <c r="BV111" s="27"/>
      <c r="BW111" s="27"/>
      <c r="BX111" s="27"/>
      <c r="BY111" s="27"/>
      <c r="BZ111" s="27"/>
    </row>
    <row r="112" spans="1:78">
      <c r="A112" s="29"/>
      <c r="B112" s="490"/>
      <c r="C112" s="490"/>
      <c r="D112" s="512"/>
      <c r="E112" s="512"/>
      <c r="F112" s="512"/>
      <c r="G112" s="512"/>
      <c r="H112" s="513"/>
      <c r="I112" s="512"/>
      <c r="J112" s="513"/>
      <c r="K112" s="513"/>
      <c r="L112" s="512"/>
      <c r="M112" s="520"/>
      <c r="N112" s="512"/>
      <c r="O112" s="512"/>
      <c r="P112" s="41"/>
    </row>
    <row r="113" spans="1:78">
      <c r="A113" s="29"/>
      <c r="B113" s="499" t="s">
        <v>177</v>
      </c>
      <c r="C113" s="500" t="s">
        <v>646</v>
      </c>
      <c r="D113" s="500">
        <v>153314.63443100001</v>
      </c>
      <c r="E113" s="500">
        <v>241427.185123</v>
      </c>
      <c r="F113" s="500">
        <v>57.284965</v>
      </c>
      <c r="G113" s="500">
        <v>292682.13481100003</v>
      </c>
      <c r="H113" s="501">
        <v>7.3417999999999997E-2</v>
      </c>
      <c r="I113" s="500">
        <v>3227</v>
      </c>
      <c r="J113" s="501">
        <v>29.357056</v>
      </c>
      <c r="K113" s="501">
        <v>2.1023649999999998</v>
      </c>
      <c r="L113" s="500">
        <v>42931.549532999998</v>
      </c>
      <c r="M113" s="502">
        <v>14.668319117162079</v>
      </c>
      <c r="N113" s="500">
        <v>62.681117</v>
      </c>
      <c r="O113" s="500" t="s">
        <v>560</v>
      </c>
      <c r="P113" s="41"/>
    </row>
    <row r="114" spans="1:78" s="29" customFormat="1">
      <c r="B114" s="490"/>
      <c r="C114" s="503" t="s">
        <v>647</v>
      </c>
      <c r="D114" s="500">
        <v>123620.18392700001</v>
      </c>
      <c r="E114" s="500">
        <v>98102.891726999995</v>
      </c>
      <c r="F114" s="500">
        <v>56.694791000000002</v>
      </c>
      <c r="G114" s="500">
        <v>180442.615735</v>
      </c>
      <c r="H114" s="501">
        <v>0.19699</v>
      </c>
      <c r="I114" s="500">
        <v>4429</v>
      </c>
      <c r="J114" s="501">
        <v>27.684009</v>
      </c>
      <c r="K114" s="501">
        <v>2.008076</v>
      </c>
      <c r="L114" s="500">
        <v>44806.374426000002</v>
      </c>
      <c r="M114" s="502">
        <v>24.831370485009558</v>
      </c>
      <c r="N114" s="500">
        <v>97.638385</v>
      </c>
      <c r="O114" s="500" t="s">
        <v>560</v>
      </c>
      <c r="P114" s="41"/>
      <c r="Q114" s="27"/>
      <c r="R114" s="27"/>
      <c r="S114" s="27"/>
      <c r="T114" s="27"/>
      <c r="U114" s="27"/>
      <c r="V114" s="27"/>
      <c r="W114" s="27"/>
      <c r="X114" s="27"/>
      <c r="Y114" s="27"/>
      <c r="Z114" s="27"/>
      <c r="AA114" s="27"/>
      <c r="AB114" s="27"/>
      <c r="AC114" s="27"/>
      <c r="AD114" s="27"/>
      <c r="AE114" s="27"/>
      <c r="AF114" s="27"/>
      <c r="AG114" s="27"/>
      <c r="AH114" s="27"/>
      <c r="AI114" s="27"/>
      <c r="AJ114" s="27"/>
      <c r="AK114" s="27"/>
      <c r="AL114" s="27"/>
      <c r="AM114" s="27"/>
      <c r="AN114" s="27"/>
      <c r="AO114" s="27"/>
      <c r="AP114" s="27"/>
      <c r="AQ114" s="27"/>
      <c r="AR114" s="27"/>
      <c r="AS114" s="27"/>
      <c r="AT114" s="27"/>
      <c r="AU114" s="27"/>
      <c r="AV114" s="27"/>
      <c r="AW114" s="27"/>
      <c r="AX114" s="27"/>
      <c r="AY114" s="27"/>
      <c r="AZ114" s="27"/>
      <c r="BA114" s="27"/>
      <c r="BB114" s="27"/>
      <c r="BC114" s="27"/>
      <c r="BD114" s="27"/>
      <c r="BE114" s="27"/>
      <c r="BF114" s="27"/>
      <c r="BG114" s="27"/>
      <c r="BH114" s="27"/>
      <c r="BI114" s="27"/>
      <c r="BJ114" s="27"/>
      <c r="BK114" s="27"/>
      <c r="BL114" s="27"/>
      <c r="BM114" s="27"/>
      <c r="BN114" s="27"/>
      <c r="BO114" s="27"/>
      <c r="BP114" s="27"/>
      <c r="BQ114" s="27"/>
      <c r="BR114" s="27"/>
      <c r="BS114" s="27"/>
      <c r="BT114" s="27"/>
      <c r="BU114" s="27"/>
      <c r="BV114" s="27"/>
      <c r="BW114" s="27"/>
      <c r="BX114" s="27"/>
      <c r="BY114" s="27"/>
      <c r="BZ114" s="27"/>
    </row>
    <row r="115" spans="1:78" s="29" customFormat="1">
      <c r="B115" s="490"/>
      <c r="C115" s="503" t="s">
        <v>648</v>
      </c>
      <c r="D115" s="500">
        <v>144477.32911600001</v>
      </c>
      <c r="E115" s="500">
        <v>39524.736120000001</v>
      </c>
      <c r="F115" s="500">
        <v>46.393957</v>
      </c>
      <c r="G115" s="500">
        <v>159862.14825900001</v>
      </c>
      <c r="H115" s="501">
        <v>0.352105</v>
      </c>
      <c r="I115" s="500">
        <v>7623</v>
      </c>
      <c r="J115" s="501">
        <v>16.602429000000001</v>
      </c>
      <c r="K115" s="501">
        <v>2.2775470000000002</v>
      </c>
      <c r="L115" s="500">
        <v>32877.555340999999</v>
      </c>
      <c r="M115" s="502">
        <v>20.566191371164088</v>
      </c>
      <c r="N115" s="500">
        <v>96.162782000000007</v>
      </c>
      <c r="O115" s="500" t="s">
        <v>560</v>
      </c>
      <c r="P115" s="41"/>
      <c r="Q115" s="27"/>
      <c r="R115" s="27"/>
      <c r="S115" s="27"/>
      <c r="T115" s="27"/>
      <c r="U115" s="27"/>
      <c r="V115" s="27"/>
      <c r="W115" s="27"/>
      <c r="X115" s="27"/>
      <c r="Y115" s="27"/>
      <c r="Z115" s="27"/>
      <c r="AA115" s="27"/>
      <c r="AB115" s="27"/>
      <c r="AC115" s="27"/>
      <c r="AD115" s="27"/>
      <c r="AE115" s="27"/>
      <c r="AF115" s="27"/>
      <c r="AG115" s="27"/>
      <c r="AH115" s="27"/>
      <c r="AI115" s="27"/>
      <c r="AJ115" s="27"/>
      <c r="AK115" s="27"/>
      <c r="AL115" s="27"/>
      <c r="AM115" s="27"/>
      <c r="AN115" s="27"/>
      <c r="AO115" s="27"/>
      <c r="AP115" s="27"/>
      <c r="AQ115" s="27"/>
      <c r="AR115" s="27"/>
      <c r="AS115" s="27"/>
      <c r="AT115" s="27"/>
      <c r="AU115" s="27"/>
      <c r="AV115" s="27"/>
      <c r="AW115" s="27"/>
      <c r="AX115" s="27"/>
      <c r="AY115" s="27"/>
      <c r="AZ115" s="27"/>
      <c r="BA115" s="27"/>
      <c r="BB115" s="27"/>
      <c r="BC115" s="27"/>
      <c r="BD115" s="27"/>
      <c r="BE115" s="27"/>
      <c r="BF115" s="27"/>
      <c r="BG115" s="27"/>
      <c r="BH115" s="27"/>
      <c r="BI115" s="27"/>
      <c r="BJ115" s="27"/>
      <c r="BK115" s="27"/>
      <c r="BL115" s="27"/>
      <c r="BM115" s="27"/>
      <c r="BN115" s="27"/>
      <c r="BO115" s="27"/>
      <c r="BP115" s="27"/>
      <c r="BQ115" s="27"/>
      <c r="BR115" s="27"/>
      <c r="BS115" s="27"/>
      <c r="BT115" s="27"/>
      <c r="BU115" s="27"/>
      <c r="BV115" s="27"/>
      <c r="BW115" s="27"/>
      <c r="BX115" s="27"/>
      <c r="BY115" s="27"/>
      <c r="BZ115" s="27"/>
    </row>
    <row r="116" spans="1:78" s="29" customFormat="1">
      <c r="B116" s="490"/>
      <c r="C116" s="503" t="s">
        <v>649</v>
      </c>
      <c r="D116" s="500">
        <v>116126.395462</v>
      </c>
      <c r="E116" s="500">
        <v>20175.4637</v>
      </c>
      <c r="F116" s="500">
        <v>54.772694999999999</v>
      </c>
      <c r="G116" s="500">
        <v>128318.393289</v>
      </c>
      <c r="H116" s="501">
        <v>0.58649700000000005</v>
      </c>
      <c r="I116" s="500">
        <v>6050</v>
      </c>
      <c r="J116" s="501">
        <v>12.766439999999999</v>
      </c>
      <c r="K116" s="501">
        <v>2.0950199999999999</v>
      </c>
      <c r="L116" s="500">
        <v>23677.975281999999</v>
      </c>
      <c r="M116" s="502">
        <v>18.452518516711958</v>
      </c>
      <c r="N116" s="500">
        <v>95.922942000000006</v>
      </c>
      <c r="O116" s="500" t="s">
        <v>560</v>
      </c>
      <c r="P116" s="41"/>
      <c r="Q116" s="41"/>
      <c r="R116" s="41"/>
      <c r="S116" s="41"/>
      <c r="T116" s="41"/>
      <c r="U116" s="41"/>
      <c r="V116" s="41"/>
      <c r="W116" s="41"/>
      <c r="X116" s="41"/>
      <c r="Z116" s="41"/>
    </row>
    <row r="117" spans="1:78" s="29" customFormat="1">
      <c r="B117" s="490"/>
      <c r="C117" s="503" t="s">
        <v>650</v>
      </c>
      <c r="D117" s="500">
        <v>134626.766932</v>
      </c>
      <c r="E117" s="500">
        <v>23165.199901</v>
      </c>
      <c r="F117" s="500">
        <v>55.190474999999999</v>
      </c>
      <c r="G117" s="500">
        <v>141678.816953</v>
      </c>
      <c r="H117" s="501">
        <v>1.1398060000000001</v>
      </c>
      <c r="I117" s="500">
        <v>6686</v>
      </c>
      <c r="J117" s="501">
        <v>17.89405</v>
      </c>
      <c r="K117" s="501">
        <v>2.2152059999999998</v>
      </c>
      <c r="L117" s="500">
        <v>52693.944128000003</v>
      </c>
      <c r="M117" s="502">
        <v>37.192535384792556</v>
      </c>
      <c r="N117" s="500">
        <v>301.56743399999999</v>
      </c>
      <c r="O117" s="500" t="s">
        <v>560</v>
      </c>
      <c r="P117" s="41"/>
      <c r="Q117" s="41"/>
      <c r="R117" s="41"/>
      <c r="S117" s="41"/>
      <c r="T117" s="41"/>
      <c r="U117" s="41"/>
      <c r="V117" s="41"/>
      <c r="W117" s="41"/>
      <c r="X117" s="41"/>
      <c r="Z117" s="41"/>
    </row>
    <row r="118" spans="1:78" s="29" customFormat="1">
      <c r="B118" s="490"/>
      <c r="C118" s="503" t="s">
        <v>651</v>
      </c>
      <c r="D118" s="500">
        <v>17638.499293000001</v>
      </c>
      <c r="E118" s="500">
        <v>4912.5611699999999</v>
      </c>
      <c r="F118" s="500">
        <v>54.936126000000002</v>
      </c>
      <c r="G118" s="500">
        <v>19558.397741000001</v>
      </c>
      <c r="H118" s="501">
        <v>3.8981910000000002</v>
      </c>
      <c r="I118" s="500">
        <v>10667</v>
      </c>
      <c r="J118" s="501">
        <v>25.525124000000002</v>
      </c>
      <c r="K118" s="501">
        <v>2.0396350000000001</v>
      </c>
      <c r="L118" s="500">
        <v>14938.099688</v>
      </c>
      <c r="M118" s="502">
        <v>76.376909222402546</v>
      </c>
      <c r="N118" s="500">
        <v>203.82403600000001</v>
      </c>
      <c r="O118" s="500" t="s">
        <v>560</v>
      </c>
      <c r="P118" s="41"/>
      <c r="Q118" s="41"/>
      <c r="R118" s="41"/>
      <c r="S118" s="41"/>
      <c r="T118" s="41"/>
      <c r="U118" s="41"/>
      <c r="V118" s="41"/>
      <c r="W118" s="41"/>
      <c r="X118" s="41"/>
      <c r="Z118" s="41"/>
    </row>
    <row r="119" spans="1:78" s="29" customFormat="1">
      <c r="B119" s="490"/>
      <c r="C119" s="503" t="s">
        <v>652</v>
      </c>
      <c r="D119" s="500">
        <v>3840.0744</v>
      </c>
      <c r="E119" s="500">
        <v>602.281071</v>
      </c>
      <c r="F119" s="500">
        <v>40.798555999999998</v>
      </c>
      <c r="G119" s="500">
        <v>3674.3895990000001</v>
      </c>
      <c r="H119" s="501">
        <v>14.800361000000001</v>
      </c>
      <c r="I119" s="500">
        <v>243</v>
      </c>
      <c r="J119" s="501">
        <v>24.775366000000002</v>
      </c>
      <c r="K119" s="501">
        <v>1.579359</v>
      </c>
      <c r="L119" s="500">
        <v>4301.3869320000003</v>
      </c>
      <c r="M119" s="502">
        <v>117.06398616985635</v>
      </c>
      <c r="N119" s="500">
        <v>137.94103100000001</v>
      </c>
      <c r="O119" s="500" t="s">
        <v>560</v>
      </c>
      <c r="P119" s="41"/>
      <c r="Q119" s="41"/>
      <c r="R119" s="41"/>
      <c r="S119" s="41"/>
      <c r="T119" s="41"/>
      <c r="U119" s="41"/>
      <c r="V119" s="41"/>
      <c r="W119" s="41"/>
      <c r="X119" s="41"/>
      <c r="Z119" s="41"/>
    </row>
    <row r="120" spans="1:78" s="29" customFormat="1">
      <c r="B120" s="505"/>
      <c r="C120" s="506" t="s">
        <v>653</v>
      </c>
      <c r="D120" s="507">
        <v>9322.7475840000006</v>
      </c>
      <c r="E120" s="507">
        <v>651.50744199999997</v>
      </c>
      <c r="F120" s="507">
        <v>59.764989</v>
      </c>
      <c r="G120" s="507">
        <v>9624.2014679999993</v>
      </c>
      <c r="H120" s="508">
        <v>100</v>
      </c>
      <c r="I120" s="507">
        <v>253</v>
      </c>
      <c r="J120" s="508">
        <v>2.8525860000000001</v>
      </c>
      <c r="K120" s="508">
        <v>1.795849</v>
      </c>
      <c r="L120" s="507">
        <v>3431.7333480000002</v>
      </c>
      <c r="M120" s="502">
        <v>35.657330734506608</v>
      </c>
      <c r="N120" s="507">
        <v>4056.271561</v>
      </c>
      <c r="O120" s="500" t="s">
        <v>560</v>
      </c>
      <c r="P120" s="41"/>
      <c r="Q120" s="41"/>
      <c r="R120" s="41"/>
      <c r="S120" s="41"/>
      <c r="T120" s="41"/>
      <c r="U120" s="41"/>
      <c r="V120" s="41"/>
      <c r="W120" s="41"/>
      <c r="X120" s="41"/>
      <c r="Z120" s="41"/>
    </row>
    <row r="121" spans="1:78" s="29" customFormat="1">
      <c r="B121" s="510" t="s">
        <v>25</v>
      </c>
      <c r="C121" s="510"/>
      <c r="D121" s="516">
        <v>702966.63114499999</v>
      </c>
      <c r="E121" s="516">
        <v>428561.82625400001</v>
      </c>
      <c r="F121" s="516">
        <v>55.867620561728764</v>
      </c>
      <c r="G121" s="516">
        <v>935841.09785500006</v>
      </c>
      <c r="H121" s="517">
        <v>1.5420473845192308</v>
      </c>
      <c r="I121" s="516">
        <v>39178</v>
      </c>
      <c r="J121" s="517">
        <v>22.474815943339706</v>
      </c>
      <c r="K121" s="517">
        <v>2.1236691509482548</v>
      </c>
      <c r="L121" s="516">
        <v>219658.618678</v>
      </c>
      <c r="M121" s="517">
        <v>23.47178588132855</v>
      </c>
      <c r="N121" s="516">
        <v>5052.0092880000002</v>
      </c>
      <c r="O121" s="516">
        <v>5880.0143630000002</v>
      </c>
      <c r="P121" s="41"/>
      <c r="Q121" s="41"/>
      <c r="R121" s="41"/>
      <c r="S121" s="41"/>
      <c r="T121" s="41"/>
      <c r="U121" s="41"/>
      <c r="V121" s="41"/>
      <c r="W121" s="41"/>
      <c r="X121" s="41"/>
      <c r="Z121" s="41"/>
    </row>
    <row r="122" spans="1:78" s="46" customFormat="1">
      <c r="A122" s="29"/>
      <c r="B122" s="518"/>
      <c r="C122" s="490"/>
      <c r="D122" s="512"/>
      <c r="E122" s="512"/>
      <c r="F122" s="512"/>
      <c r="G122" s="512"/>
      <c r="H122" s="513"/>
      <c r="I122" s="512"/>
      <c r="J122" s="513"/>
      <c r="K122" s="513"/>
      <c r="L122" s="512"/>
      <c r="M122" s="513"/>
      <c r="N122" s="512"/>
      <c r="O122" s="512"/>
      <c r="P122" s="41"/>
      <c r="Q122" s="41"/>
      <c r="R122" s="41"/>
      <c r="S122" s="41"/>
      <c r="T122" s="41"/>
      <c r="U122" s="41"/>
      <c r="V122" s="41"/>
      <c r="W122" s="41"/>
      <c r="X122" s="41"/>
      <c r="Z122" s="41"/>
    </row>
    <row r="123" spans="1:78">
      <c r="A123" s="29"/>
      <c r="B123" s="499" t="s">
        <v>178</v>
      </c>
      <c r="C123" s="500" t="s">
        <v>646</v>
      </c>
      <c r="D123" s="500">
        <v>64452.041605999999</v>
      </c>
      <c r="E123" s="500">
        <v>31689.843207000002</v>
      </c>
      <c r="F123" s="500">
        <v>50.697724999999998</v>
      </c>
      <c r="G123" s="500">
        <v>79188.027669000003</v>
      </c>
      <c r="H123" s="501">
        <v>5.6389000000000002E-2</v>
      </c>
      <c r="I123" s="500">
        <v>2076</v>
      </c>
      <c r="J123" s="501">
        <v>40.396571999999999</v>
      </c>
      <c r="K123" s="501">
        <v>1.5942860000000001</v>
      </c>
      <c r="L123" s="500">
        <v>12630.467329999999</v>
      </c>
      <c r="M123" s="502">
        <v>15.949970850132047</v>
      </c>
      <c r="N123" s="500">
        <v>17.939986000000001</v>
      </c>
      <c r="O123" s="500" t="s">
        <v>560</v>
      </c>
      <c r="P123" s="41"/>
      <c r="Q123" s="41"/>
      <c r="R123" s="41"/>
      <c r="S123" s="41"/>
      <c r="T123" s="41"/>
      <c r="U123" s="41"/>
      <c r="V123" s="41"/>
      <c r="W123" s="41"/>
    </row>
    <row r="124" spans="1:78" s="29" customFormat="1">
      <c r="B124" s="490"/>
      <c r="C124" s="503" t="s">
        <v>647</v>
      </c>
      <c r="D124" s="500">
        <v>7696.9843170000004</v>
      </c>
      <c r="E124" s="500">
        <v>5932.113413</v>
      </c>
      <c r="F124" s="500">
        <v>25.246901000000001</v>
      </c>
      <c r="G124" s="500">
        <v>9151.6473249999999</v>
      </c>
      <c r="H124" s="501">
        <v>0.21806400000000001</v>
      </c>
      <c r="I124" s="500">
        <v>2167</v>
      </c>
      <c r="J124" s="501">
        <v>34.725231000000001</v>
      </c>
      <c r="K124" s="501">
        <v>1.082211</v>
      </c>
      <c r="L124" s="500">
        <v>2628.3456219999998</v>
      </c>
      <c r="M124" s="502">
        <v>28.719918159652202</v>
      </c>
      <c r="N124" s="500">
        <v>6.9552079999999998</v>
      </c>
      <c r="O124" s="500" t="s">
        <v>560</v>
      </c>
      <c r="P124" s="41"/>
      <c r="Q124" s="41"/>
      <c r="R124" s="41"/>
      <c r="S124" s="41"/>
      <c r="T124" s="41"/>
      <c r="U124" s="41"/>
      <c r="V124" s="41"/>
      <c r="W124" s="41"/>
      <c r="X124" s="41"/>
      <c r="Z124" s="41"/>
    </row>
    <row r="125" spans="1:78" s="29" customFormat="1">
      <c r="B125" s="490"/>
      <c r="C125" s="503" t="s">
        <v>648</v>
      </c>
      <c r="D125" s="500">
        <v>1889.1329679999999</v>
      </c>
      <c r="E125" s="500">
        <v>3277.3592950000002</v>
      </c>
      <c r="F125" s="500">
        <v>23.782177999999998</v>
      </c>
      <c r="G125" s="500">
        <v>2665.7799409999998</v>
      </c>
      <c r="H125" s="501">
        <v>0.43356</v>
      </c>
      <c r="I125" s="500">
        <v>440</v>
      </c>
      <c r="J125" s="501">
        <v>48.632627999999997</v>
      </c>
      <c r="K125" s="501">
        <v>0.96451600000000004</v>
      </c>
      <c r="L125" s="500">
        <v>1831.367039</v>
      </c>
      <c r="M125" s="502">
        <v>68.699107935856432</v>
      </c>
      <c r="N125" s="500">
        <v>5.7611059999999998</v>
      </c>
      <c r="O125" s="500" t="s">
        <v>560</v>
      </c>
      <c r="P125" s="41"/>
      <c r="Q125" s="41"/>
      <c r="R125" s="41"/>
      <c r="S125" s="41"/>
      <c r="T125" s="41"/>
      <c r="U125" s="41"/>
      <c r="V125" s="41"/>
      <c r="W125" s="41"/>
      <c r="X125" s="41"/>
      <c r="Z125" s="41"/>
    </row>
    <row r="126" spans="1:78" s="29" customFormat="1">
      <c r="B126" s="490"/>
      <c r="C126" s="503" t="s">
        <v>649</v>
      </c>
      <c r="D126" s="500">
        <v>0.504745</v>
      </c>
      <c r="E126" s="500"/>
      <c r="F126" s="500"/>
      <c r="G126" s="500">
        <v>0.504745</v>
      </c>
      <c r="H126" s="501">
        <v>0.65</v>
      </c>
      <c r="I126" s="500">
        <v>2</v>
      </c>
      <c r="J126" s="501">
        <v>37.159287999999997</v>
      </c>
      <c r="K126" s="501">
        <v>1</v>
      </c>
      <c r="L126" s="500">
        <v>0.26788600000000001</v>
      </c>
      <c r="M126" s="502">
        <v>53.073532179615448</v>
      </c>
      <c r="N126" s="500">
        <v>1.219E-3</v>
      </c>
      <c r="O126" s="500" t="s">
        <v>560</v>
      </c>
      <c r="P126" s="41"/>
      <c r="Q126" s="41"/>
      <c r="R126" s="41"/>
      <c r="S126" s="41"/>
      <c r="T126" s="41"/>
      <c r="U126" s="41"/>
      <c r="V126" s="41"/>
      <c r="W126" s="41"/>
      <c r="X126" s="41"/>
      <c r="Z126" s="41"/>
    </row>
    <row r="127" spans="1:78" s="29" customFormat="1">
      <c r="B127" s="490"/>
      <c r="C127" s="503" t="s">
        <v>650</v>
      </c>
      <c r="D127" s="500">
        <v>1178.443233</v>
      </c>
      <c r="E127" s="500">
        <v>2293.4187710000001</v>
      </c>
      <c r="F127" s="500">
        <v>16.039729000000001</v>
      </c>
      <c r="G127" s="500">
        <v>1546.3013989999999</v>
      </c>
      <c r="H127" s="501">
        <v>1.165718</v>
      </c>
      <c r="I127" s="500">
        <v>210</v>
      </c>
      <c r="J127" s="501">
        <v>43.375008000000001</v>
      </c>
      <c r="K127" s="501">
        <v>1.2654749999999999</v>
      </c>
      <c r="L127" s="500">
        <v>1507.0997709999999</v>
      </c>
      <c r="M127" s="502">
        <v>97.464813261803172</v>
      </c>
      <c r="N127" s="500">
        <v>8.0930879999999998</v>
      </c>
      <c r="O127" s="500" t="s">
        <v>560</v>
      </c>
      <c r="P127" s="41"/>
      <c r="Q127" s="41"/>
      <c r="R127" s="41"/>
      <c r="S127" s="41"/>
      <c r="T127" s="41"/>
      <c r="U127" s="41"/>
      <c r="V127" s="41"/>
      <c r="W127" s="41"/>
      <c r="X127" s="41"/>
      <c r="Z127" s="41"/>
    </row>
    <row r="128" spans="1:78" s="29" customFormat="1">
      <c r="B128" s="490"/>
      <c r="C128" s="503" t="s">
        <v>651</v>
      </c>
      <c r="D128" s="500">
        <v>789.95956100000001</v>
      </c>
      <c r="E128" s="500">
        <v>901.68710299999998</v>
      </c>
      <c r="F128" s="500">
        <v>16.184070999999999</v>
      </c>
      <c r="G128" s="500">
        <v>831.94112099999995</v>
      </c>
      <c r="H128" s="501">
        <v>5.3784429999999999</v>
      </c>
      <c r="I128" s="500">
        <v>137</v>
      </c>
      <c r="J128" s="501">
        <v>54.566822000000002</v>
      </c>
      <c r="K128" s="501">
        <v>0.52563899999999997</v>
      </c>
      <c r="L128" s="500">
        <v>1632.4849839999999</v>
      </c>
      <c r="M128" s="502">
        <v>196.22602402892883</v>
      </c>
      <c r="N128" s="500">
        <v>24.426901000000001</v>
      </c>
      <c r="O128" s="500" t="s">
        <v>560</v>
      </c>
      <c r="P128" s="41"/>
      <c r="Q128" s="41"/>
      <c r="R128" s="41"/>
      <c r="S128" s="41"/>
      <c r="T128" s="41"/>
      <c r="U128" s="41"/>
      <c r="V128" s="41"/>
      <c r="W128" s="41"/>
      <c r="X128" s="41"/>
      <c r="Z128" s="41"/>
    </row>
    <row r="129" spans="1:26" s="29" customFormat="1">
      <c r="B129" s="490"/>
      <c r="C129" s="503" t="s">
        <v>652</v>
      </c>
      <c r="D129" s="500">
        <v>167.05464900000001</v>
      </c>
      <c r="E129" s="500">
        <v>682.47176200000001</v>
      </c>
      <c r="F129" s="500">
        <v>11.846778</v>
      </c>
      <c r="G129" s="500">
        <v>238.42488700000001</v>
      </c>
      <c r="H129" s="501">
        <v>12.792472</v>
      </c>
      <c r="I129" s="500">
        <v>138</v>
      </c>
      <c r="J129" s="501">
        <v>54.020991000000002</v>
      </c>
      <c r="K129" s="501">
        <v>0.60047799999999996</v>
      </c>
      <c r="L129" s="500">
        <v>654.91934300000003</v>
      </c>
      <c r="M129" s="502">
        <v>274.68581457270437</v>
      </c>
      <c r="N129" s="500">
        <v>16.560593000000001</v>
      </c>
      <c r="O129" s="500" t="s">
        <v>560</v>
      </c>
      <c r="P129" s="41"/>
      <c r="Q129" s="41"/>
      <c r="R129" s="41"/>
      <c r="S129" s="41"/>
      <c r="T129" s="41"/>
      <c r="U129" s="41"/>
      <c r="V129" s="41"/>
      <c r="W129" s="41"/>
      <c r="X129" s="41"/>
      <c r="Z129" s="41"/>
    </row>
    <row r="130" spans="1:26" s="29" customFormat="1">
      <c r="B130" s="505"/>
      <c r="C130" s="506" t="s">
        <v>653</v>
      </c>
      <c r="D130" s="507">
        <v>0.16842299999999999</v>
      </c>
      <c r="E130" s="507">
        <v>0</v>
      </c>
      <c r="F130" s="507">
        <v>0</v>
      </c>
      <c r="G130" s="507">
        <v>0.16842299999999999</v>
      </c>
      <c r="H130" s="508">
        <v>100</v>
      </c>
      <c r="I130" s="507">
        <v>22</v>
      </c>
      <c r="J130" s="508">
        <v>51.838830000000002</v>
      </c>
      <c r="K130" s="508">
        <v>1</v>
      </c>
      <c r="L130" s="507">
        <v>1.0913569999999999</v>
      </c>
      <c r="M130" s="502">
        <v>647.98572641503836</v>
      </c>
      <c r="N130" s="507">
        <v>3.4E-5</v>
      </c>
      <c r="O130" s="500" t="s">
        <v>560</v>
      </c>
      <c r="P130" s="41"/>
      <c r="Q130" s="41"/>
      <c r="R130" s="41"/>
      <c r="S130" s="41"/>
      <c r="T130" s="41"/>
      <c r="U130" s="41"/>
      <c r="V130" s="41"/>
      <c r="W130" s="41"/>
      <c r="X130" s="41"/>
      <c r="Z130" s="41"/>
    </row>
    <row r="131" spans="1:26" s="29" customFormat="1">
      <c r="B131" s="510" t="s">
        <v>25</v>
      </c>
      <c r="C131" s="510"/>
      <c r="D131" s="516">
        <v>76174.289502</v>
      </c>
      <c r="E131" s="516">
        <v>44776.893551000001</v>
      </c>
      <c r="F131" s="516">
        <v>42.293623523548483</v>
      </c>
      <c r="G131" s="516">
        <v>93622.795509999996</v>
      </c>
      <c r="H131" s="517">
        <v>0.18116386422267333</v>
      </c>
      <c r="I131" s="516">
        <v>5192</v>
      </c>
      <c r="J131" s="517">
        <v>40.286518325171897</v>
      </c>
      <c r="K131" s="517">
        <v>1.5088367362745212</v>
      </c>
      <c r="L131" s="516">
        <v>20886.043332000001</v>
      </c>
      <c r="M131" s="517">
        <v>22.308715754774838</v>
      </c>
      <c r="N131" s="516">
        <v>79.738135</v>
      </c>
      <c r="O131" s="516">
        <v>9.3321210000000008</v>
      </c>
      <c r="P131" s="41"/>
      <c r="Q131" s="41"/>
      <c r="R131" s="41"/>
      <c r="S131" s="41"/>
      <c r="T131" s="41"/>
      <c r="U131" s="41"/>
      <c r="V131" s="41"/>
      <c r="W131" s="41"/>
      <c r="X131" s="41"/>
      <c r="Z131" s="41"/>
    </row>
    <row r="132" spans="1:26" s="46" customFormat="1">
      <c r="A132" s="29"/>
      <c r="B132" s="518"/>
      <c r="C132" s="490"/>
      <c r="D132" s="512"/>
      <c r="E132" s="512"/>
      <c r="F132" s="512"/>
      <c r="G132" s="512"/>
      <c r="H132" s="513"/>
      <c r="I132" s="512"/>
      <c r="J132" s="513"/>
      <c r="K132" s="513"/>
      <c r="L132" s="512"/>
      <c r="M132" s="513"/>
      <c r="N132" s="512"/>
      <c r="O132" s="512"/>
      <c r="P132" s="41"/>
      <c r="Q132" s="41"/>
      <c r="R132" s="41"/>
      <c r="S132" s="41"/>
      <c r="T132" s="41"/>
      <c r="U132" s="41"/>
      <c r="V132" s="41"/>
      <c r="W132" s="41"/>
      <c r="X132" s="41"/>
      <c r="Z132" s="41"/>
    </row>
    <row r="133" spans="1:26">
      <c r="A133" s="29"/>
      <c r="B133" s="499" t="s">
        <v>179</v>
      </c>
      <c r="C133" s="500" t="s">
        <v>646</v>
      </c>
      <c r="D133" s="500">
        <v>189410.00926399999</v>
      </c>
      <c r="E133" s="500">
        <v>4266.1860319999996</v>
      </c>
      <c r="F133" s="500">
        <v>58.970078000000001</v>
      </c>
      <c r="G133" s="500">
        <v>191926.10716499999</v>
      </c>
      <c r="H133" s="501">
        <v>9.1745999999999994E-2</v>
      </c>
      <c r="I133" s="500">
        <v>288965</v>
      </c>
      <c r="J133" s="501">
        <v>6.945538</v>
      </c>
      <c r="K133" s="501"/>
      <c r="L133" s="500">
        <v>3130.8260989999999</v>
      </c>
      <c r="M133" s="502">
        <v>1.6312663999944574</v>
      </c>
      <c r="N133" s="500">
        <v>12.207355</v>
      </c>
      <c r="O133" s="500" t="s">
        <v>560</v>
      </c>
      <c r="P133" s="41"/>
      <c r="Q133" s="41"/>
      <c r="R133" s="41"/>
      <c r="S133" s="41"/>
      <c r="T133" s="41"/>
      <c r="U133" s="41"/>
      <c r="V133" s="41"/>
      <c r="W133" s="41"/>
    </row>
    <row r="134" spans="1:26" s="29" customFormat="1">
      <c r="B134" s="490"/>
      <c r="C134" s="503" t="s">
        <v>647</v>
      </c>
      <c r="D134" s="500">
        <v>184806.56117599999</v>
      </c>
      <c r="E134" s="500">
        <v>8960.5421999999999</v>
      </c>
      <c r="F134" s="500">
        <v>55.596212000000001</v>
      </c>
      <c r="G134" s="500">
        <v>189786.636291</v>
      </c>
      <c r="H134" s="501">
        <v>0.158697</v>
      </c>
      <c r="I134" s="500">
        <v>280274</v>
      </c>
      <c r="J134" s="501">
        <v>9.8248309999999996</v>
      </c>
      <c r="K134" s="501"/>
      <c r="L134" s="500">
        <v>6658.2091419999997</v>
      </c>
      <c r="M134" s="502">
        <v>3.5082602611655767</v>
      </c>
      <c r="N134" s="500">
        <v>29.590568000000001</v>
      </c>
      <c r="O134" s="500" t="s">
        <v>560</v>
      </c>
      <c r="P134" s="41"/>
      <c r="Q134" s="41"/>
      <c r="R134" s="41"/>
      <c r="S134" s="41"/>
      <c r="T134" s="41"/>
      <c r="U134" s="41"/>
      <c r="V134" s="41"/>
      <c r="W134" s="41"/>
      <c r="X134" s="41"/>
    </row>
    <row r="135" spans="1:26" s="29" customFormat="1">
      <c r="B135" s="490"/>
      <c r="C135" s="503" t="s">
        <v>648</v>
      </c>
      <c r="D135" s="500">
        <v>118190.54092100001</v>
      </c>
      <c r="E135" s="500">
        <v>30312.230296999998</v>
      </c>
      <c r="F135" s="500">
        <v>51.08961</v>
      </c>
      <c r="G135" s="500">
        <v>133671.52146600001</v>
      </c>
      <c r="H135" s="501">
        <v>0.300508</v>
      </c>
      <c r="I135" s="500">
        <v>218493</v>
      </c>
      <c r="J135" s="501">
        <v>14.950699</v>
      </c>
      <c r="K135" s="501"/>
      <c r="L135" s="500">
        <v>11493.398064999999</v>
      </c>
      <c r="M135" s="502">
        <v>8.5982398785843106</v>
      </c>
      <c r="N135" s="500">
        <v>60.710014000000001</v>
      </c>
      <c r="O135" s="500" t="s">
        <v>560</v>
      </c>
      <c r="P135" s="41"/>
      <c r="Q135" s="41"/>
      <c r="R135" s="41"/>
      <c r="S135" s="41"/>
      <c r="T135" s="41"/>
      <c r="U135" s="41"/>
      <c r="V135" s="41"/>
      <c r="W135" s="41"/>
      <c r="X135" s="41"/>
    </row>
    <row r="136" spans="1:26" s="29" customFormat="1">
      <c r="B136" s="490"/>
      <c r="C136" s="503" t="s">
        <v>649</v>
      </c>
      <c r="D136" s="500">
        <v>31021.690137000001</v>
      </c>
      <c r="E136" s="500">
        <v>7446.5730169999997</v>
      </c>
      <c r="F136" s="500">
        <v>52.716977</v>
      </c>
      <c r="G136" s="500">
        <v>34951.354942999998</v>
      </c>
      <c r="H136" s="501">
        <v>0.66252800000000001</v>
      </c>
      <c r="I136" s="500">
        <v>56392</v>
      </c>
      <c r="J136" s="501">
        <v>14.565662</v>
      </c>
      <c r="K136" s="501"/>
      <c r="L136" s="500">
        <v>5097.3955830000004</v>
      </c>
      <c r="M136" s="502">
        <v>14.584257438125151</v>
      </c>
      <c r="N136" s="500">
        <v>33.7744</v>
      </c>
      <c r="O136" s="500" t="s">
        <v>560</v>
      </c>
      <c r="P136" s="41"/>
      <c r="Q136" s="41"/>
      <c r="R136" s="41"/>
      <c r="S136" s="41"/>
      <c r="T136" s="41"/>
      <c r="U136" s="41"/>
      <c r="V136" s="41"/>
      <c r="W136" s="41"/>
      <c r="X136" s="41"/>
    </row>
    <row r="137" spans="1:26" s="29" customFormat="1">
      <c r="B137" s="490"/>
      <c r="C137" s="503" t="s">
        <v>650</v>
      </c>
      <c r="D137" s="500">
        <v>23363.914272000002</v>
      </c>
      <c r="E137" s="500">
        <v>1900.6636329999999</v>
      </c>
      <c r="F137" s="500">
        <v>71.759893000000005</v>
      </c>
      <c r="G137" s="500">
        <v>24722.753938000002</v>
      </c>
      <c r="H137" s="501">
        <v>1.3400190000000001</v>
      </c>
      <c r="I137" s="500">
        <v>34349</v>
      </c>
      <c r="J137" s="501">
        <v>13.420387</v>
      </c>
      <c r="K137" s="501"/>
      <c r="L137" s="500">
        <v>5101.1108649999996</v>
      </c>
      <c r="M137" s="502">
        <v>20.633263097600789</v>
      </c>
      <c r="N137" s="500">
        <v>44.421526</v>
      </c>
      <c r="O137" s="500" t="s">
        <v>560</v>
      </c>
      <c r="P137" s="41"/>
      <c r="Q137" s="41"/>
      <c r="R137" s="41"/>
      <c r="S137" s="41"/>
      <c r="T137" s="41"/>
      <c r="U137" s="41"/>
      <c r="V137" s="41"/>
      <c r="W137" s="41"/>
      <c r="X137" s="41"/>
    </row>
    <row r="138" spans="1:26" s="29" customFormat="1">
      <c r="B138" s="490"/>
      <c r="C138" s="503" t="s">
        <v>651</v>
      </c>
      <c r="D138" s="500">
        <v>13365.398899</v>
      </c>
      <c r="E138" s="500">
        <v>618.15542100000005</v>
      </c>
      <c r="F138" s="500">
        <v>58.421760999999996</v>
      </c>
      <c r="G138" s="500">
        <v>13729.545257</v>
      </c>
      <c r="H138" s="501">
        <v>4.3275629999999996</v>
      </c>
      <c r="I138" s="500">
        <v>18199</v>
      </c>
      <c r="J138" s="501">
        <v>11.967772999999999</v>
      </c>
      <c r="K138" s="501"/>
      <c r="L138" s="500">
        <v>5146.0952379999999</v>
      </c>
      <c r="M138" s="502">
        <v>37.481905931125191</v>
      </c>
      <c r="N138" s="500">
        <v>72.692524000000006</v>
      </c>
      <c r="O138" s="500" t="s">
        <v>560</v>
      </c>
      <c r="P138" s="41"/>
      <c r="Q138" s="41"/>
      <c r="R138" s="41"/>
      <c r="S138" s="41"/>
      <c r="T138" s="41"/>
      <c r="U138" s="41"/>
      <c r="V138" s="41"/>
      <c r="W138" s="41"/>
      <c r="X138" s="41"/>
    </row>
    <row r="139" spans="1:26" s="29" customFormat="1">
      <c r="B139" s="490"/>
      <c r="C139" s="503" t="s">
        <v>652</v>
      </c>
      <c r="D139" s="500">
        <v>5075.6434920000002</v>
      </c>
      <c r="E139" s="500">
        <v>78.041072</v>
      </c>
      <c r="F139" s="500">
        <v>61.487200999999999</v>
      </c>
      <c r="G139" s="500">
        <v>5124.079941</v>
      </c>
      <c r="H139" s="501">
        <v>23.807683000000001</v>
      </c>
      <c r="I139" s="500">
        <v>8956</v>
      </c>
      <c r="J139" s="501">
        <v>11.668056999999999</v>
      </c>
      <c r="K139" s="501"/>
      <c r="L139" s="500">
        <v>3307.448504</v>
      </c>
      <c r="M139" s="502">
        <v>64.547168312805994</v>
      </c>
      <c r="N139" s="500">
        <v>133.574153</v>
      </c>
      <c r="O139" s="500" t="s">
        <v>560</v>
      </c>
      <c r="P139" s="41"/>
      <c r="Q139" s="41"/>
      <c r="R139" s="41"/>
      <c r="S139" s="41"/>
      <c r="T139" s="41"/>
      <c r="U139" s="41"/>
      <c r="V139" s="41"/>
      <c r="W139" s="41"/>
      <c r="X139" s="41"/>
    </row>
    <row r="140" spans="1:26" s="29" customFormat="1">
      <c r="B140" s="505"/>
      <c r="C140" s="506" t="s">
        <v>653</v>
      </c>
      <c r="D140" s="507">
        <v>1234.7265130000001</v>
      </c>
      <c r="E140" s="507">
        <v>0.71394199999999997</v>
      </c>
      <c r="F140" s="507">
        <v>100.00896400000001</v>
      </c>
      <c r="G140" s="507">
        <v>1235.486412</v>
      </c>
      <c r="H140" s="508">
        <v>100</v>
      </c>
      <c r="I140" s="507">
        <v>3122</v>
      </c>
      <c r="J140" s="508">
        <v>18.062753000000001</v>
      </c>
      <c r="K140" s="508"/>
      <c r="L140" s="507">
        <v>422.96971300000001</v>
      </c>
      <c r="M140" s="502">
        <v>34.235076071399156</v>
      </c>
      <c r="N140" s="507">
        <v>196.09571500000001</v>
      </c>
      <c r="O140" s="500" t="s">
        <v>560</v>
      </c>
      <c r="P140" s="41"/>
      <c r="Q140" s="41"/>
      <c r="R140" s="41"/>
      <c r="S140" s="41"/>
      <c r="T140" s="41"/>
      <c r="U140" s="41"/>
      <c r="V140" s="41"/>
      <c r="W140" s="41"/>
      <c r="X140" s="41"/>
    </row>
    <row r="141" spans="1:26" s="29" customFormat="1">
      <c r="B141" s="510" t="s">
        <v>25</v>
      </c>
      <c r="C141" s="510"/>
      <c r="D141" s="516">
        <v>566468.48467399995</v>
      </c>
      <c r="E141" s="516">
        <v>53583.105614</v>
      </c>
      <c r="F141" s="516">
        <v>53.53040728476504</v>
      </c>
      <c r="G141" s="516">
        <v>595147.48541299999</v>
      </c>
      <c r="H141" s="517">
        <v>0.75466702034099375</v>
      </c>
      <c r="I141" s="516">
        <v>908750</v>
      </c>
      <c r="J141" s="517">
        <v>10.557768462917101</v>
      </c>
      <c r="K141" s="517"/>
      <c r="L141" s="516">
        <v>40357.453208999999</v>
      </c>
      <c r="M141" s="517">
        <v>6.781084386333939</v>
      </c>
      <c r="N141" s="516">
        <v>583.06625499999996</v>
      </c>
      <c r="O141" s="516">
        <v>638.39425600000004</v>
      </c>
      <c r="P141" s="41"/>
      <c r="Q141" s="41"/>
      <c r="R141" s="41"/>
      <c r="S141" s="41"/>
      <c r="T141" s="41"/>
      <c r="U141" s="41"/>
      <c r="V141" s="41"/>
      <c r="W141" s="41"/>
      <c r="X141" s="41"/>
    </row>
    <row r="142" spans="1:26" s="46" customFormat="1">
      <c r="A142" s="29"/>
      <c r="B142" s="510"/>
      <c r="C142" s="510"/>
      <c r="D142" s="521"/>
      <c r="E142" s="521"/>
      <c r="F142" s="521"/>
      <c r="G142" s="521"/>
      <c r="H142" s="493"/>
      <c r="I142" s="521"/>
      <c r="J142" s="493"/>
      <c r="K142" s="493"/>
      <c r="L142" s="521"/>
      <c r="M142" s="522"/>
      <c r="N142" s="521"/>
      <c r="O142" s="492"/>
      <c r="P142" s="41"/>
      <c r="Q142" s="41"/>
      <c r="R142" s="41"/>
      <c r="S142" s="41"/>
      <c r="T142" s="41"/>
      <c r="U142" s="41"/>
      <c r="V142" s="41"/>
      <c r="W142" s="41"/>
      <c r="X142" s="41"/>
    </row>
    <row r="143" spans="1:26" s="46" customFormat="1">
      <c r="A143" s="29"/>
      <c r="B143" s="499" t="s">
        <v>180</v>
      </c>
      <c r="C143" s="500" t="s">
        <v>646</v>
      </c>
      <c r="D143" s="500">
        <v>5693.8037940000004</v>
      </c>
      <c r="E143" s="500">
        <v>29263.711790000001</v>
      </c>
      <c r="F143" s="500">
        <v>81.062690000000003</v>
      </c>
      <c r="G143" s="500">
        <v>29668.573769999999</v>
      </c>
      <c r="H143" s="501">
        <v>5.9163E-2</v>
      </c>
      <c r="I143" s="500">
        <v>1056158</v>
      </c>
      <c r="J143" s="501">
        <v>42.494990000000001</v>
      </c>
      <c r="K143" s="501"/>
      <c r="L143" s="500">
        <v>2369.619694</v>
      </c>
      <c r="M143" s="502">
        <v>7.9869686772610908</v>
      </c>
      <c r="N143" s="500">
        <v>8.4413459999999993</v>
      </c>
      <c r="O143" s="500" t="s">
        <v>560</v>
      </c>
      <c r="P143" s="41"/>
      <c r="Q143" s="41"/>
      <c r="R143" s="41"/>
      <c r="S143" s="41"/>
      <c r="T143" s="41"/>
      <c r="U143" s="41"/>
      <c r="V143" s="41"/>
      <c r="W143" s="41"/>
      <c r="X143" s="41"/>
    </row>
    <row r="144" spans="1:26" s="29" customFormat="1">
      <c r="B144" s="490"/>
      <c r="C144" s="503" t="s">
        <v>647</v>
      </c>
      <c r="D144" s="500">
        <v>1363.336313</v>
      </c>
      <c r="E144" s="500">
        <v>2578.7342090000002</v>
      </c>
      <c r="F144" s="500">
        <v>72.890838000000002</v>
      </c>
      <c r="G144" s="500">
        <v>3599.5878170000001</v>
      </c>
      <c r="H144" s="501">
        <v>0.17050199999999999</v>
      </c>
      <c r="I144" s="500">
        <v>86842</v>
      </c>
      <c r="J144" s="501">
        <v>47.996291999999997</v>
      </c>
      <c r="K144" s="501"/>
      <c r="L144" s="500">
        <v>680.46764199999996</v>
      </c>
      <c r="M144" s="502">
        <v>18.904043368141004</v>
      </c>
      <c r="N144" s="500">
        <v>3.0704609999999999</v>
      </c>
      <c r="O144" s="500" t="s">
        <v>560</v>
      </c>
      <c r="P144" s="41"/>
      <c r="Q144" s="41"/>
      <c r="R144" s="41"/>
      <c r="S144" s="41"/>
      <c r="T144" s="41"/>
      <c r="U144" s="41"/>
      <c r="V144" s="41"/>
      <c r="W144" s="41"/>
    </row>
    <row r="145" spans="1:23" s="29" customFormat="1">
      <c r="B145" s="490"/>
      <c r="C145" s="503" t="s">
        <v>648</v>
      </c>
      <c r="D145" s="500">
        <v>4791.791131</v>
      </c>
      <c r="E145" s="500">
        <v>2831.4964770000001</v>
      </c>
      <c r="F145" s="500">
        <v>69.240844999999993</v>
      </c>
      <c r="G145" s="500">
        <v>6854.0447919999997</v>
      </c>
      <c r="H145" s="501">
        <v>0.32447700000000002</v>
      </c>
      <c r="I145" s="500">
        <v>56114</v>
      </c>
      <c r="J145" s="501">
        <v>50.403427999999998</v>
      </c>
      <c r="K145" s="501"/>
      <c r="L145" s="500">
        <v>1915.5403269999999</v>
      </c>
      <c r="M145" s="502">
        <v>27.947589855785697</v>
      </c>
      <c r="N145" s="500">
        <v>11.307090000000001</v>
      </c>
      <c r="O145" s="500" t="s">
        <v>560</v>
      </c>
      <c r="P145" s="41"/>
      <c r="Q145" s="41"/>
      <c r="R145" s="41"/>
      <c r="S145" s="41"/>
      <c r="T145" s="41"/>
      <c r="U145" s="41"/>
      <c r="V145" s="41"/>
      <c r="W145" s="41"/>
    </row>
    <row r="146" spans="1:23" s="29" customFormat="1">
      <c r="B146" s="490"/>
      <c r="C146" s="503" t="s">
        <v>649</v>
      </c>
      <c r="D146" s="500">
        <v>6390.0224930000004</v>
      </c>
      <c r="E146" s="500">
        <v>6374.8308980000002</v>
      </c>
      <c r="F146" s="500">
        <v>70.301389</v>
      </c>
      <c r="G146" s="500">
        <v>11127.579184</v>
      </c>
      <c r="H146" s="501">
        <v>0.67808299999999999</v>
      </c>
      <c r="I146" s="500">
        <v>344807</v>
      </c>
      <c r="J146" s="501">
        <v>43.337944</v>
      </c>
      <c r="K146" s="501"/>
      <c r="L146" s="500">
        <v>4270.5333760000003</v>
      </c>
      <c r="M146" s="502">
        <v>38.377919450265225</v>
      </c>
      <c r="N146" s="500">
        <v>32.297835999999997</v>
      </c>
      <c r="O146" s="500" t="s">
        <v>560</v>
      </c>
      <c r="P146" s="41"/>
      <c r="Q146" s="41"/>
      <c r="R146" s="41"/>
      <c r="S146" s="41"/>
      <c r="T146" s="41"/>
      <c r="U146" s="41"/>
      <c r="V146" s="41"/>
      <c r="W146" s="41"/>
    </row>
    <row r="147" spans="1:23" s="29" customFormat="1">
      <c r="B147" s="490"/>
      <c r="C147" s="503" t="s">
        <v>650</v>
      </c>
      <c r="D147" s="500">
        <v>6582.0312549999999</v>
      </c>
      <c r="E147" s="500">
        <v>3816.241325</v>
      </c>
      <c r="F147" s="500">
        <v>71.119512999999998</v>
      </c>
      <c r="G147" s="500">
        <v>9370.4083790000004</v>
      </c>
      <c r="H147" s="501">
        <v>1.3237110000000001</v>
      </c>
      <c r="I147" s="500">
        <v>627443</v>
      </c>
      <c r="J147" s="501">
        <v>50.050248000000003</v>
      </c>
      <c r="K147" s="501"/>
      <c r="L147" s="500">
        <v>5179.3870079999997</v>
      </c>
      <c r="M147" s="502">
        <v>55.273866394206593</v>
      </c>
      <c r="N147" s="500">
        <v>62.521833999999998</v>
      </c>
      <c r="O147" s="500" t="s">
        <v>560</v>
      </c>
      <c r="P147" s="41"/>
      <c r="Q147" s="41"/>
      <c r="R147" s="41"/>
      <c r="S147" s="41"/>
      <c r="T147" s="41"/>
      <c r="U147" s="41"/>
      <c r="V147" s="41"/>
      <c r="W147" s="41"/>
    </row>
    <row r="148" spans="1:23" s="29" customFormat="1">
      <c r="B148" s="490"/>
      <c r="C148" s="503" t="s">
        <v>651</v>
      </c>
      <c r="D148" s="500">
        <v>6926.9237649999995</v>
      </c>
      <c r="E148" s="500">
        <v>2081.2214739999999</v>
      </c>
      <c r="F148" s="500">
        <v>75.359398999999996</v>
      </c>
      <c r="G148" s="500">
        <v>8656.7189980000003</v>
      </c>
      <c r="H148" s="501">
        <v>4.2392000000000003</v>
      </c>
      <c r="I148" s="500">
        <v>145515</v>
      </c>
      <c r="J148" s="501">
        <v>53.592095</v>
      </c>
      <c r="K148" s="501"/>
      <c r="L148" s="500">
        <v>6955.9121679999998</v>
      </c>
      <c r="M148" s="502">
        <v>80.352754543690921</v>
      </c>
      <c r="N148" s="500">
        <v>200.82267400000001</v>
      </c>
      <c r="O148" s="500" t="s">
        <v>560</v>
      </c>
      <c r="P148" s="41"/>
      <c r="Q148" s="41"/>
      <c r="R148" s="41"/>
      <c r="S148" s="41"/>
      <c r="T148" s="41"/>
      <c r="U148" s="41"/>
      <c r="V148" s="41"/>
      <c r="W148" s="41"/>
    </row>
    <row r="149" spans="1:23" s="29" customFormat="1">
      <c r="B149" s="490"/>
      <c r="C149" s="503" t="s">
        <v>652</v>
      </c>
      <c r="D149" s="500">
        <v>1247.000072</v>
      </c>
      <c r="E149" s="500">
        <v>283.040299</v>
      </c>
      <c r="F149" s="500">
        <v>75.750217000000006</v>
      </c>
      <c r="G149" s="500">
        <v>1486.140768</v>
      </c>
      <c r="H149" s="501">
        <v>24.157734999999999</v>
      </c>
      <c r="I149" s="500">
        <v>78835</v>
      </c>
      <c r="J149" s="501">
        <v>54.011180000000003</v>
      </c>
      <c r="K149" s="501"/>
      <c r="L149" s="500">
        <v>1836.913681</v>
      </c>
      <c r="M149" s="502">
        <v>123.60293994707236</v>
      </c>
      <c r="N149" s="500">
        <v>197.449467</v>
      </c>
      <c r="O149" s="500" t="s">
        <v>560</v>
      </c>
      <c r="P149" s="41"/>
      <c r="Q149" s="41"/>
      <c r="R149" s="41"/>
      <c r="S149" s="41"/>
      <c r="T149" s="41"/>
      <c r="U149" s="41"/>
      <c r="V149" s="41"/>
      <c r="W149" s="41"/>
    </row>
    <row r="150" spans="1:23" s="29" customFormat="1">
      <c r="B150" s="505"/>
      <c r="C150" s="506" t="s">
        <v>653</v>
      </c>
      <c r="D150" s="507">
        <v>1374.8784410000001</v>
      </c>
      <c r="E150" s="507">
        <v>6.8988509999999996</v>
      </c>
      <c r="F150" s="507">
        <v>78.382530000000003</v>
      </c>
      <c r="G150" s="507">
        <v>1380.308327</v>
      </c>
      <c r="H150" s="508">
        <v>100</v>
      </c>
      <c r="I150" s="507">
        <v>27330</v>
      </c>
      <c r="J150" s="508">
        <v>50.469624000000003</v>
      </c>
      <c r="K150" s="508"/>
      <c r="L150" s="507">
        <v>918.38042900000005</v>
      </c>
      <c r="M150" s="502">
        <v>66.534440967695474</v>
      </c>
      <c r="N150" s="507">
        <v>623.60180100000002</v>
      </c>
      <c r="O150" s="500" t="s">
        <v>560</v>
      </c>
      <c r="P150" s="41"/>
      <c r="Q150" s="41"/>
      <c r="R150" s="41"/>
      <c r="S150" s="41"/>
      <c r="T150" s="41"/>
      <c r="U150" s="41"/>
      <c r="V150" s="41"/>
      <c r="W150" s="41"/>
    </row>
    <row r="151" spans="1:23" s="29" customFormat="1">
      <c r="B151" s="510" t="s">
        <v>25</v>
      </c>
      <c r="C151" s="510"/>
      <c r="D151" s="516">
        <v>34369.787263999999</v>
      </c>
      <c r="E151" s="516">
        <v>47236.175323000003</v>
      </c>
      <c r="F151" s="516">
        <v>77.368794575553153</v>
      </c>
      <c r="G151" s="516">
        <v>72143.362034999998</v>
      </c>
      <c r="H151" s="517">
        <v>3.2597915824018644</v>
      </c>
      <c r="I151" s="516">
        <v>2423044</v>
      </c>
      <c r="J151" s="517">
        <v>46.353553604272157</v>
      </c>
      <c r="K151" s="517"/>
      <c r="L151" s="516">
        <v>24126.754325000002</v>
      </c>
      <c r="M151" s="517">
        <v>33.442791747486098</v>
      </c>
      <c r="N151" s="516">
        <v>1139.5125089999999</v>
      </c>
      <c r="O151" s="516">
        <v>1501.4563029999999</v>
      </c>
      <c r="P151" s="41"/>
      <c r="Q151" s="41"/>
      <c r="R151" s="41"/>
      <c r="S151" s="41"/>
      <c r="T151" s="41"/>
      <c r="U151" s="41"/>
      <c r="V151" s="41"/>
      <c r="W151" s="41"/>
    </row>
    <row r="152" spans="1:23" s="46" customFormat="1">
      <c r="A152" s="29"/>
      <c r="B152" s="33"/>
      <c r="C152" s="33"/>
      <c r="D152" s="33"/>
      <c r="E152" s="33"/>
      <c r="F152" s="33"/>
      <c r="G152" s="33"/>
      <c r="H152" s="61"/>
      <c r="I152" s="33"/>
      <c r="J152" s="61"/>
      <c r="K152" s="61"/>
      <c r="L152" s="33"/>
      <c r="M152" s="61"/>
      <c r="N152" s="33"/>
      <c r="O152" s="33"/>
      <c r="P152" s="41"/>
      <c r="Q152" s="41"/>
      <c r="R152" s="41"/>
      <c r="S152" s="41"/>
      <c r="T152" s="41"/>
      <c r="U152" s="41"/>
      <c r="V152" s="41"/>
      <c r="W152" s="41"/>
    </row>
  </sheetData>
  <pageMargins left="0.70866141732283472" right="0.70866141732283472" top="0.74803149606299213" bottom="0.74803149606299213" header="0.31496062992125984" footer="0.31496062992125984"/>
  <pageSetup paperSize="9" scale="44" fitToHeight="5" orientation="landscape" r:id="rId1"/>
  <rowBreaks count="1" manualBreakCount="1">
    <brk id="78" max="14"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codeName="Sheet36">
    <pageSetUpPr fitToPage="1"/>
  </sheetPr>
  <dimension ref="A1:I63"/>
  <sheetViews>
    <sheetView zoomScaleNormal="100" workbookViewId="0">
      <selection activeCell="B3" sqref="B3"/>
    </sheetView>
  </sheetViews>
  <sheetFormatPr defaultColWidth="9" defaultRowHeight="13"/>
  <cols>
    <col min="1" max="1" width="6.83203125" style="86" customWidth="1"/>
    <col min="2" max="2" width="40.75" style="102" customWidth="1"/>
    <col min="3" max="4" width="17.75" style="86" customWidth="1"/>
    <col min="5" max="5" width="2.75" style="87" customWidth="1"/>
    <col min="6" max="7" width="17.75" style="86" customWidth="1"/>
    <col min="8" max="13" width="9" style="86"/>
    <col min="14" max="14" width="9.83203125" style="86" customWidth="1"/>
    <col min="15" max="254" width="9" style="86"/>
    <col min="255" max="255" width="7.58203125" style="86" customWidth="1"/>
    <col min="256" max="256" width="40.75" style="86" customWidth="1"/>
    <col min="257" max="258" width="17.75" style="86" customWidth="1"/>
    <col min="259" max="259" width="2.75" style="86" customWidth="1"/>
    <col min="260" max="261" width="17.75" style="86" customWidth="1"/>
    <col min="262" max="262" width="9" style="86"/>
    <col min="263" max="263" width="12" style="86" customWidth="1"/>
    <col min="264" max="269" width="9" style="86"/>
    <col min="270" max="270" width="9.83203125" style="86" customWidth="1"/>
    <col min="271" max="510" width="9" style="86"/>
    <col min="511" max="511" width="7.58203125" style="86" customWidth="1"/>
    <col min="512" max="512" width="40.75" style="86" customWidth="1"/>
    <col min="513" max="514" width="17.75" style="86" customWidth="1"/>
    <col min="515" max="515" width="2.75" style="86" customWidth="1"/>
    <col min="516" max="517" width="17.75" style="86" customWidth="1"/>
    <col min="518" max="518" width="9" style="86"/>
    <col min="519" max="519" width="12" style="86" customWidth="1"/>
    <col min="520" max="525" width="9" style="86"/>
    <col min="526" max="526" width="9.83203125" style="86" customWidth="1"/>
    <col min="527" max="766" width="9" style="86"/>
    <col min="767" max="767" width="7.58203125" style="86" customWidth="1"/>
    <col min="768" max="768" width="40.75" style="86" customWidth="1"/>
    <col min="769" max="770" width="17.75" style="86" customWidth="1"/>
    <col min="771" max="771" width="2.75" style="86" customWidth="1"/>
    <col min="772" max="773" width="17.75" style="86" customWidth="1"/>
    <col min="774" max="774" width="9" style="86"/>
    <col min="775" max="775" width="12" style="86" customWidth="1"/>
    <col min="776" max="781" width="9" style="86"/>
    <col min="782" max="782" width="9.83203125" style="86" customWidth="1"/>
    <col min="783" max="1022" width="9" style="86"/>
    <col min="1023" max="1023" width="7.58203125" style="86" customWidth="1"/>
    <col min="1024" max="1024" width="40.75" style="86" customWidth="1"/>
    <col min="1025" max="1026" width="17.75" style="86" customWidth="1"/>
    <col min="1027" max="1027" width="2.75" style="86" customWidth="1"/>
    <col min="1028" max="1029" width="17.75" style="86" customWidth="1"/>
    <col min="1030" max="1030" width="9" style="86"/>
    <col min="1031" max="1031" width="12" style="86" customWidth="1"/>
    <col min="1032" max="1037" width="9" style="86"/>
    <col min="1038" max="1038" width="9.83203125" style="86" customWidth="1"/>
    <col min="1039" max="1278" width="9" style="86"/>
    <col min="1279" max="1279" width="7.58203125" style="86" customWidth="1"/>
    <col min="1280" max="1280" width="40.75" style="86" customWidth="1"/>
    <col min="1281" max="1282" width="17.75" style="86" customWidth="1"/>
    <col min="1283" max="1283" width="2.75" style="86" customWidth="1"/>
    <col min="1284" max="1285" width="17.75" style="86" customWidth="1"/>
    <col min="1286" max="1286" width="9" style="86"/>
    <col min="1287" max="1287" width="12" style="86" customWidth="1"/>
    <col min="1288" max="1293" width="9" style="86"/>
    <col min="1294" max="1294" width="9.83203125" style="86" customWidth="1"/>
    <col min="1295" max="1534" width="9" style="86"/>
    <col min="1535" max="1535" width="7.58203125" style="86" customWidth="1"/>
    <col min="1536" max="1536" width="40.75" style="86" customWidth="1"/>
    <col min="1537" max="1538" width="17.75" style="86" customWidth="1"/>
    <col min="1539" max="1539" width="2.75" style="86" customWidth="1"/>
    <col min="1540" max="1541" width="17.75" style="86" customWidth="1"/>
    <col min="1542" max="1542" width="9" style="86"/>
    <col min="1543" max="1543" width="12" style="86" customWidth="1"/>
    <col min="1544" max="1549" width="9" style="86"/>
    <col min="1550" max="1550" width="9.83203125" style="86" customWidth="1"/>
    <col min="1551" max="1790" width="9" style="86"/>
    <col min="1791" max="1791" width="7.58203125" style="86" customWidth="1"/>
    <col min="1792" max="1792" width="40.75" style="86" customWidth="1"/>
    <col min="1793" max="1794" width="17.75" style="86" customWidth="1"/>
    <col min="1795" max="1795" width="2.75" style="86" customWidth="1"/>
    <col min="1796" max="1797" width="17.75" style="86" customWidth="1"/>
    <col min="1798" max="1798" width="9" style="86"/>
    <col min="1799" max="1799" width="12" style="86" customWidth="1"/>
    <col min="1800" max="1805" width="9" style="86"/>
    <col min="1806" max="1806" width="9.83203125" style="86" customWidth="1"/>
    <col min="1807" max="2046" width="9" style="86"/>
    <col min="2047" max="2047" width="7.58203125" style="86" customWidth="1"/>
    <col min="2048" max="2048" width="40.75" style="86" customWidth="1"/>
    <col min="2049" max="2050" width="17.75" style="86" customWidth="1"/>
    <col min="2051" max="2051" width="2.75" style="86" customWidth="1"/>
    <col min="2052" max="2053" width="17.75" style="86" customWidth="1"/>
    <col min="2054" max="2054" width="9" style="86"/>
    <col min="2055" max="2055" width="12" style="86" customWidth="1"/>
    <col min="2056" max="2061" width="9" style="86"/>
    <col min="2062" max="2062" width="9.83203125" style="86" customWidth="1"/>
    <col min="2063" max="2302" width="9" style="86"/>
    <col min="2303" max="2303" width="7.58203125" style="86" customWidth="1"/>
    <col min="2304" max="2304" width="40.75" style="86" customWidth="1"/>
    <col min="2305" max="2306" width="17.75" style="86" customWidth="1"/>
    <col min="2307" max="2307" width="2.75" style="86" customWidth="1"/>
    <col min="2308" max="2309" width="17.75" style="86" customWidth="1"/>
    <col min="2310" max="2310" width="9" style="86"/>
    <col min="2311" max="2311" width="12" style="86" customWidth="1"/>
    <col min="2312" max="2317" width="9" style="86"/>
    <col min="2318" max="2318" width="9.83203125" style="86" customWidth="1"/>
    <col min="2319" max="2558" width="9" style="86"/>
    <col min="2559" max="2559" width="7.58203125" style="86" customWidth="1"/>
    <col min="2560" max="2560" width="40.75" style="86" customWidth="1"/>
    <col min="2561" max="2562" width="17.75" style="86" customWidth="1"/>
    <col min="2563" max="2563" width="2.75" style="86" customWidth="1"/>
    <col min="2564" max="2565" width="17.75" style="86" customWidth="1"/>
    <col min="2566" max="2566" width="9" style="86"/>
    <col min="2567" max="2567" width="12" style="86" customWidth="1"/>
    <col min="2568" max="2573" width="9" style="86"/>
    <col min="2574" max="2574" width="9.83203125" style="86" customWidth="1"/>
    <col min="2575" max="2814" width="9" style="86"/>
    <col min="2815" max="2815" width="7.58203125" style="86" customWidth="1"/>
    <col min="2816" max="2816" width="40.75" style="86" customWidth="1"/>
    <col min="2817" max="2818" width="17.75" style="86" customWidth="1"/>
    <col min="2819" max="2819" width="2.75" style="86" customWidth="1"/>
    <col min="2820" max="2821" width="17.75" style="86" customWidth="1"/>
    <col min="2822" max="2822" width="9" style="86"/>
    <col min="2823" max="2823" width="12" style="86" customWidth="1"/>
    <col min="2824" max="2829" width="9" style="86"/>
    <col min="2830" max="2830" width="9.83203125" style="86" customWidth="1"/>
    <col min="2831" max="3070" width="9" style="86"/>
    <col min="3071" max="3071" width="7.58203125" style="86" customWidth="1"/>
    <col min="3072" max="3072" width="40.75" style="86" customWidth="1"/>
    <col min="3073" max="3074" width="17.75" style="86" customWidth="1"/>
    <col min="3075" max="3075" width="2.75" style="86" customWidth="1"/>
    <col min="3076" max="3077" width="17.75" style="86" customWidth="1"/>
    <col min="3078" max="3078" width="9" style="86"/>
    <col min="3079" max="3079" width="12" style="86" customWidth="1"/>
    <col min="3080" max="3085" width="9" style="86"/>
    <col min="3086" max="3086" width="9.83203125" style="86" customWidth="1"/>
    <col min="3087" max="3326" width="9" style="86"/>
    <col min="3327" max="3327" width="7.58203125" style="86" customWidth="1"/>
    <col min="3328" max="3328" width="40.75" style="86" customWidth="1"/>
    <col min="3329" max="3330" width="17.75" style="86" customWidth="1"/>
    <col min="3331" max="3331" width="2.75" style="86" customWidth="1"/>
    <col min="3332" max="3333" width="17.75" style="86" customWidth="1"/>
    <col min="3334" max="3334" width="9" style="86"/>
    <col min="3335" max="3335" width="12" style="86" customWidth="1"/>
    <col min="3336" max="3341" width="9" style="86"/>
    <col min="3342" max="3342" width="9.83203125" style="86" customWidth="1"/>
    <col min="3343" max="3582" width="9" style="86"/>
    <col min="3583" max="3583" width="7.58203125" style="86" customWidth="1"/>
    <col min="3584" max="3584" width="40.75" style="86" customWidth="1"/>
    <col min="3585" max="3586" width="17.75" style="86" customWidth="1"/>
    <col min="3587" max="3587" width="2.75" style="86" customWidth="1"/>
    <col min="3588" max="3589" width="17.75" style="86" customWidth="1"/>
    <col min="3590" max="3590" width="9" style="86"/>
    <col min="3591" max="3591" width="12" style="86" customWidth="1"/>
    <col min="3592" max="3597" width="9" style="86"/>
    <col min="3598" max="3598" width="9.83203125" style="86" customWidth="1"/>
    <col min="3599" max="3838" width="9" style="86"/>
    <col min="3839" max="3839" width="7.58203125" style="86" customWidth="1"/>
    <col min="3840" max="3840" width="40.75" style="86" customWidth="1"/>
    <col min="3841" max="3842" width="17.75" style="86" customWidth="1"/>
    <col min="3843" max="3843" width="2.75" style="86" customWidth="1"/>
    <col min="3844" max="3845" width="17.75" style="86" customWidth="1"/>
    <col min="3846" max="3846" width="9" style="86"/>
    <col min="3847" max="3847" width="12" style="86" customWidth="1"/>
    <col min="3848" max="3853" width="9" style="86"/>
    <col min="3854" max="3854" width="9.83203125" style="86" customWidth="1"/>
    <col min="3855" max="4094" width="9" style="86"/>
    <col min="4095" max="4095" width="7.58203125" style="86" customWidth="1"/>
    <col min="4096" max="4096" width="40.75" style="86" customWidth="1"/>
    <col min="4097" max="4098" width="17.75" style="86" customWidth="1"/>
    <col min="4099" max="4099" width="2.75" style="86" customWidth="1"/>
    <col min="4100" max="4101" width="17.75" style="86" customWidth="1"/>
    <col min="4102" max="4102" width="9" style="86"/>
    <col min="4103" max="4103" width="12" style="86" customWidth="1"/>
    <col min="4104" max="4109" width="9" style="86"/>
    <col min="4110" max="4110" width="9.83203125" style="86" customWidth="1"/>
    <col min="4111" max="4350" width="9" style="86"/>
    <col min="4351" max="4351" width="7.58203125" style="86" customWidth="1"/>
    <col min="4352" max="4352" width="40.75" style="86" customWidth="1"/>
    <col min="4353" max="4354" width="17.75" style="86" customWidth="1"/>
    <col min="4355" max="4355" width="2.75" style="86" customWidth="1"/>
    <col min="4356" max="4357" width="17.75" style="86" customWidth="1"/>
    <col min="4358" max="4358" width="9" style="86"/>
    <col min="4359" max="4359" width="12" style="86" customWidth="1"/>
    <col min="4360" max="4365" width="9" style="86"/>
    <col min="4366" max="4366" width="9.83203125" style="86" customWidth="1"/>
    <col min="4367" max="4606" width="9" style="86"/>
    <col min="4607" max="4607" width="7.58203125" style="86" customWidth="1"/>
    <col min="4608" max="4608" width="40.75" style="86" customWidth="1"/>
    <col min="4609" max="4610" width="17.75" style="86" customWidth="1"/>
    <col min="4611" max="4611" width="2.75" style="86" customWidth="1"/>
    <col min="4612" max="4613" width="17.75" style="86" customWidth="1"/>
    <col min="4614" max="4614" width="9" style="86"/>
    <col min="4615" max="4615" width="12" style="86" customWidth="1"/>
    <col min="4616" max="4621" width="9" style="86"/>
    <col min="4622" max="4622" width="9.83203125" style="86" customWidth="1"/>
    <col min="4623" max="4862" width="9" style="86"/>
    <col min="4863" max="4863" width="7.58203125" style="86" customWidth="1"/>
    <col min="4864" max="4864" width="40.75" style="86" customWidth="1"/>
    <col min="4865" max="4866" width="17.75" style="86" customWidth="1"/>
    <col min="4867" max="4867" width="2.75" style="86" customWidth="1"/>
    <col min="4868" max="4869" width="17.75" style="86" customWidth="1"/>
    <col min="4870" max="4870" width="9" style="86"/>
    <col min="4871" max="4871" width="12" style="86" customWidth="1"/>
    <col min="4872" max="4877" width="9" style="86"/>
    <col min="4878" max="4878" width="9.83203125" style="86" customWidth="1"/>
    <col min="4879" max="5118" width="9" style="86"/>
    <col min="5119" max="5119" width="7.58203125" style="86" customWidth="1"/>
    <col min="5120" max="5120" width="40.75" style="86" customWidth="1"/>
    <col min="5121" max="5122" width="17.75" style="86" customWidth="1"/>
    <col min="5123" max="5123" width="2.75" style="86" customWidth="1"/>
    <col min="5124" max="5125" width="17.75" style="86" customWidth="1"/>
    <col min="5126" max="5126" width="9" style="86"/>
    <col min="5127" max="5127" width="12" style="86" customWidth="1"/>
    <col min="5128" max="5133" width="9" style="86"/>
    <col min="5134" max="5134" width="9.83203125" style="86" customWidth="1"/>
    <col min="5135" max="5374" width="9" style="86"/>
    <col min="5375" max="5375" width="7.58203125" style="86" customWidth="1"/>
    <col min="5376" max="5376" width="40.75" style="86" customWidth="1"/>
    <col min="5377" max="5378" width="17.75" style="86" customWidth="1"/>
    <col min="5379" max="5379" width="2.75" style="86" customWidth="1"/>
    <col min="5380" max="5381" width="17.75" style="86" customWidth="1"/>
    <col min="5382" max="5382" width="9" style="86"/>
    <col min="5383" max="5383" width="12" style="86" customWidth="1"/>
    <col min="5384" max="5389" width="9" style="86"/>
    <col min="5390" max="5390" width="9.83203125" style="86" customWidth="1"/>
    <col min="5391" max="5630" width="9" style="86"/>
    <col min="5631" max="5631" width="7.58203125" style="86" customWidth="1"/>
    <col min="5632" max="5632" width="40.75" style="86" customWidth="1"/>
    <col min="5633" max="5634" width="17.75" style="86" customWidth="1"/>
    <col min="5635" max="5635" width="2.75" style="86" customWidth="1"/>
    <col min="5636" max="5637" width="17.75" style="86" customWidth="1"/>
    <col min="5638" max="5638" width="9" style="86"/>
    <col min="5639" max="5639" width="12" style="86" customWidth="1"/>
    <col min="5640" max="5645" width="9" style="86"/>
    <col min="5646" max="5646" width="9.83203125" style="86" customWidth="1"/>
    <col min="5647" max="5886" width="9" style="86"/>
    <col min="5887" max="5887" width="7.58203125" style="86" customWidth="1"/>
    <col min="5888" max="5888" width="40.75" style="86" customWidth="1"/>
    <col min="5889" max="5890" width="17.75" style="86" customWidth="1"/>
    <col min="5891" max="5891" width="2.75" style="86" customWidth="1"/>
    <col min="5892" max="5893" width="17.75" style="86" customWidth="1"/>
    <col min="5894" max="5894" width="9" style="86"/>
    <col min="5895" max="5895" width="12" style="86" customWidth="1"/>
    <col min="5896" max="5901" width="9" style="86"/>
    <col min="5902" max="5902" width="9.83203125" style="86" customWidth="1"/>
    <col min="5903" max="6142" width="9" style="86"/>
    <col min="6143" max="6143" width="7.58203125" style="86" customWidth="1"/>
    <col min="6144" max="6144" width="40.75" style="86" customWidth="1"/>
    <col min="6145" max="6146" width="17.75" style="86" customWidth="1"/>
    <col min="6147" max="6147" width="2.75" style="86" customWidth="1"/>
    <col min="6148" max="6149" width="17.75" style="86" customWidth="1"/>
    <col min="6150" max="6150" width="9" style="86"/>
    <col min="6151" max="6151" width="12" style="86" customWidth="1"/>
    <col min="6152" max="6157" width="9" style="86"/>
    <col min="6158" max="6158" width="9.83203125" style="86" customWidth="1"/>
    <col min="6159" max="6398" width="9" style="86"/>
    <col min="6399" max="6399" width="7.58203125" style="86" customWidth="1"/>
    <col min="6400" max="6400" width="40.75" style="86" customWidth="1"/>
    <col min="6401" max="6402" width="17.75" style="86" customWidth="1"/>
    <col min="6403" max="6403" width="2.75" style="86" customWidth="1"/>
    <col min="6404" max="6405" width="17.75" style="86" customWidth="1"/>
    <col min="6406" max="6406" width="9" style="86"/>
    <col min="6407" max="6407" width="12" style="86" customWidth="1"/>
    <col min="6408" max="6413" width="9" style="86"/>
    <col min="6414" max="6414" width="9.83203125" style="86" customWidth="1"/>
    <col min="6415" max="6654" width="9" style="86"/>
    <col min="6655" max="6655" width="7.58203125" style="86" customWidth="1"/>
    <col min="6656" max="6656" width="40.75" style="86" customWidth="1"/>
    <col min="6657" max="6658" width="17.75" style="86" customWidth="1"/>
    <col min="6659" max="6659" width="2.75" style="86" customWidth="1"/>
    <col min="6660" max="6661" width="17.75" style="86" customWidth="1"/>
    <col min="6662" max="6662" width="9" style="86"/>
    <col min="6663" max="6663" width="12" style="86" customWidth="1"/>
    <col min="6664" max="6669" width="9" style="86"/>
    <col min="6670" max="6670" width="9.83203125" style="86" customWidth="1"/>
    <col min="6671" max="6910" width="9" style="86"/>
    <col min="6911" max="6911" width="7.58203125" style="86" customWidth="1"/>
    <col min="6912" max="6912" width="40.75" style="86" customWidth="1"/>
    <col min="6913" max="6914" width="17.75" style="86" customWidth="1"/>
    <col min="6915" max="6915" width="2.75" style="86" customWidth="1"/>
    <col min="6916" max="6917" width="17.75" style="86" customWidth="1"/>
    <col min="6918" max="6918" width="9" style="86"/>
    <col min="6919" max="6919" width="12" style="86" customWidth="1"/>
    <col min="6920" max="6925" width="9" style="86"/>
    <col min="6926" max="6926" width="9.83203125" style="86" customWidth="1"/>
    <col min="6927" max="7166" width="9" style="86"/>
    <col min="7167" max="7167" width="7.58203125" style="86" customWidth="1"/>
    <col min="7168" max="7168" width="40.75" style="86" customWidth="1"/>
    <col min="7169" max="7170" width="17.75" style="86" customWidth="1"/>
    <col min="7171" max="7171" width="2.75" style="86" customWidth="1"/>
    <col min="7172" max="7173" width="17.75" style="86" customWidth="1"/>
    <col min="7174" max="7174" width="9" style="86"/>
    <col min="7175" max="7175" width="12" style="86" customWidth="1"/>
    <col min="7176" max="7181" width="9" style="86"/>
    <col min="7182" max="7182" width="9.83203125" style="86" customWidth="1"/>
    <col min="7183" max="7422" width="9" style="86"/>
    <col min="7423" max="7423" width="7.58203125" style="86" customWidth="1"/>
    <col min="7424" max="7424" width="40.75" style="86" customWidth="1"/>
    <col min="7425" max="7426" width="17.75" style="86" customWidth="1"/>
    <col min="7427" max="7427" width="2.75" style="86" customWidth="1"/>
    <col min="7428" max="7429" width="17.75" style="86" customWidth="1"/>
    <col min="7430" max="7430" width="9" style="86"/>
    <col min="7431" max="7431" width="12" style="86" customWidth="1"/>
    <col min="7432" max="7437" width="9" style="86"/>
    <col min="7438" max="7438" width="9.83203125" style="86" customWidth="1"/>
    <col min="7439" max="7678" width="9" style="86"/>
    <col min="7679" max="7679" width="7.58203125" style="86" customWidth="1"/>
    <col min="7680" max="7680" width="40.75" style="86" customWidth="1"/>
    <col min="7681" max="7682" width="17.75" style="86" customWidth="1"/>
    <col min="7683" max="7683" width="2.75" style="86" customWidth="1"/>
    <col min="7684" max="7685" width="17.75" style="86" customWidth="1"/>
    <col min="7686" max="7686" width="9" style="86"/>
    <col min="7687" max="7687" width="12" style="86" customWidth="1"/>
    <col min="7688" max="7693" width="9" style="86"/>
    <col min="7694" max="7694" width="9.83203125" style="86" customWidth="1"/>
    <col min="7695" max="7934" width="9" style="86"/>
    <col min="7935" max="7935" width="7.58203125" style="86" customWidth="1"/>
    <col min="7936" max="7936" width="40.75" style="86" customWidth="1"/>
    <col min="7937" max="7938" width="17.75" style="86" customWidth="1"/>
    <col min="7939" max="7939" width="2.75" style="86" customWidth="1"/>
    <col min="7940" max="7941" width="17.75" style="86" customWidth="1"/>
    <col min="7942" max="7942" width="9" style="86"/>
    <col min="7943" max="7943" width="12" style="86" customWidth="1"/>
    <col min="7944" max="7949" width="9" style="86"/>
    <col min="7950" max="7950" width="9.83203125" style="86" customWidth="1"/>
    <col min="7951" max="8190" width="9" style="86"/>
    <col min="8191" max="8191" width="7.58203125" style="86" customWidth="1"/>
    <col min="8192" max="8192" width="40.75" style="86" customWidth="1"/>
    <col min="8193" max="8194" width="17.75" style="86" customWidth="1"/>
    <col min="8195" max="8195" width="2.75" style="86" customWidth="1"/>
    <col min="8196" max="8197" width="17.75" style="86" customWidth="1"/>
    <col min="8198" max="8198" width="9" style="86"/>
    <col min="8199" max="8199" width="12" style="86" customWidth="1"/>
    <col min="8200" max="8205" width="9" style="86"/>
    <col min="8206" max="8206" width="9.83203125" style="86" customWidth="1"/>
    <col min="8207" max="8446" width="9" style="86"/>
    <col min="8447" max="8447" width="7.58203125" style="86" customWidth="1"/>
    <col min="8448" max="8448" width="40.75" style="86" customWidth="1"/>
    <col min="8449" max="8450" width="17.75" style="86" customWidth="1"/>
    <col min="8451" max="8451" width="2.75" style="86" customWidth="1"/>
    <col min="8452" max="8453" width="17.75" style="86" customWidth="1"/>
    <col min="8454" max="8454" width="9" style="86"/>
    <col min="8455" max="8455" width="12" style="86" customWidth="1"/>
    <col min="8456" max="8461" width="9" style="86"/>
    <col min="8462" max="8462" width="9.83203125" style="86" customWidth="1"/>
    <col min="8463" max="8702" width="9" style="86"/>
    <col min="8703" max="8703" width="7.58203125" style="86" customWidth="1"/>
    <col min="8704" max="8704" width="40.75" style="86" customWidth="1"/>
    <col min="8705" max="8706" width="17.75" style="86" customWidth="1"/>
    <col min="8707" max="8707" width="2.75" style="86" customWidth="1"/>
    <col min="8708" max="8709" width="17.75" style="86" customWidth="1"/>
    <col min="8710" max="8710" width="9" style="86"/>
    <col min="8711" max="8711" width="12" style="86" customWidth="1"/>
    <col min="8712" max="8717" width="9" style="86"/>
    <col min="8718" max="8718" width="9.83203125" style="86" customWidth="1"/>
    <col min="8719" max="8958" width="9" style="86"/>
    <col min="8959" max="8959" width="7.58203125" style="86" customWidth="1"/>
    <col min="8960" max="8960" width="40.75" style="86" customWidth="1"/>
    <col min="8961" max="8962" width="17.75" style="86" customWidth="1"/>
    <col min="8963" max="8963" width="2.75" style="86" customWidth="1"/>
    <col min="8964" max="8965" width="17.75" style="86" customWidth="1"/>
    <col min="8966" max="8966" width="9" style="86"/>
    <col min="8967" max="8967" width="12" style="86" customWidth="1"/>
    <col min="8968" max="8973" width="9" style="86"/>
    <col min="8974" max="8974" width="9.83203125" style="86" customWidth="1"/>
    <col min="8975" max="9214" width="9" style="86"/>
    <col min="9215" max="9215" width="7.58203125" style="86" customWidth="1"/>
    <col min="9216" max="9216" width="40.75" style="86" customWidth="1"/>
    <col min="9217" max="9218" width="17.75" style="86" customWidth="1"/>
    <col min="9219" max="9219" width="2.75" style="86" customWidth="1"/>
    <col min="9220" max="9221" width="17.75" style="86" customWidth="1"/>
    <col min="9222" max="9222" width="9" style="86"/>
    <col min="9223" max="9223" width="12" style="86" customWidth="1"/>
    <col min="9224" max="9229" width="9" style="86"/>
    <col min="9230" max="9230" width="9.83203125" style="86" customWidth="1"/>
    <col min="9231" max="9470" width="9" style="86"/>
    <col min="9471" max="9471" width="7.58203125" style="86" customWidth="1"/>
    <col min="9472" max="9472" width="40.75" style="86" customWidth="1"/>
    <col min="9473" max="9474" width="17.75" style="86" customWidth="1"/>
    <col min="9475" max="9475" width="2.75" style="86" customWidth="1"/>
    <col min="9476" max="9477" width="17.75" style="86" customWidth="1"/>
    <col min="9478" max="9478" width="9" style="86"/>
    <col min="9479" max="9479" width="12" style="86" customWidth="1"/>
    <col min="9480" max="9485" width="9" style="86"/>
    <col min="9486" max="9486" width="9.83203125" style="86" customWidth="1"/>
    <col min="9487" max="9726" width="9" style="86"/>
    <col min="9727" max="9727" width="7.58203125" style="86" customWidth="1"/>
    <col min="9728" max="9728" width="40.75" style="86" customWidth="1"/>
    <col min="9729" max="9730" width="17.75" style="86" customWidth="1"/>
    <col min="9731" max="9731" width="2.75" style="86" customWidth="1"/>
    <col min="9732" max="9733" width="17.75" style="86" customWidth="1"/>
    <col min="9734" max="9734" width="9" style="86"/>
    <col min="9735" max="9735" width="12" style="86" customWidth="1"/>
    <col min="9736" max="9741" width="9" style="86"/>
    <col min="9742" max="9742" width="9.83203125" style="86" customWidth="1"/>
    <col min="9743" max="9982" width="9" style="86"/>
    <col min="9983" max="9983" width="7.58203125" style="86" customWidth="1"/>
    <col min="9984" max="9984" width="40.75" style="86" customWidth="1"/>
    <col min="9985" max="9986" width="17.75" style="86" customWidth="1"/>
    <col min="9987" max="9987" width="2.75" style="86" customWidth="1"/>
    <col min="9988" max="9989" width="17.75" style="86" customWidth="1"/>
    <col min="9990" max="9990" width="9" style="86"/>
    <col min="9991" max="9991" width="12" style="86" customWidth="1"/>
    <col min="9992" max="9997" width="9" style="86"/>
    <col min="9998" max="9998" width="9.83203125" style="86" customWidth="1"/>
    <col min="9999" max="10238" width="9" style="86"/>
    <col min="10239" max="10239" width="7.58203125" style="86" customWidth="1"/>
    <col min="10240" max="10240" width="40.75" style="86" customWidth="1"/>
    <col min="10241" max="10242" width="17.75" style="86" customWidth="1"/>
    <col min="10243" max="10243" width="2.75" style="86" customWidth="1"/>
    <col min="10244" max="10245" width="17.75" style="86" customWidth="1"/>
    <col min="10246" max="10246" width="9" style="86"/>
    <col min="10247" max="10247" width="12" style="86" customWidth="1"/>
    <col min="10248" max="10253" width="9" style="86"/>
    <col min="10254" max="10254" width="9.83203125" style="86" customWidth="1"/>
    <col min="10255" max="10494" width="9" style="86"/>
    <col min="10495" max="10495" width="7.58203125" style="86" customWidth="1"/>
    <col min="10496" max="10496" width="40.75" style="86" customWidth="1"/>
    <col min="10497" max="10498" width="17.75" style="86" customWidth="1"/>
    <col min="10499" max="10499" width="2.75" style="86" customWidth="1"/>
    <col min="10500" max="10501" width="17.75" style="86" customWidth="1"/>
    <col min="10502" max="10502" width="9" style="86"/>
    <col min="10503" max="10503" width="12" style="86" customWidth="1"/>
    <col min="10504" max="10509" width="9" style="86"/>
    <col min="10510" max="10510" width="9.83203125" style="86" customWidth="1"/>
    <col min="10511" max="10750" width="9" style="86"/>
    <col min="10751" max="10751" width="7.58203125" style="86" customWidth="1"/>
    <col min="10752" max="10752" width="40.75" style="86" customWidth="1"/>
    <col min="10753" max="10754" width="17.75" style="86" customWidth="1"/>
    <col min="10755" max="10755" width="2.75" style="86" customWidth="1"/>
    <col min="10756" max="10757" width="17.75" style="86" customWidth="1"/>
    <col min="10758" max="10758" width="9" style="86"/>
    <col min="10759" max="10759" width="12" style="86" customWidth="1"/>
    <col min="10760" max="10765" width="9" style="86"/>
    <col min="10766" max="10766" width="9.83203125" style="86" customWidth="1"/>
    <col min="10767" max="11006" width="9" style="86"/>
    <col min="11007" max="11007" width="7.58203125" style="86" customWidth="1"/>
    <col min="11008" max="11008" width="40.75" style="86" customWidth="1"/>
    <col min="11009" max="11010" width="17.75" style="86" customWidth="1"/>
    <col min="11011" max="11011" width="2.75" style="86" customWidth="1"/>
    <col min="11012" max="11013" width="17.75" style="86" customWidth="1"/>
    <col min="11014" max="11014" width="9" style="86"/>
    <col min="11015" max="11015" width="12" style="86" customWidth="1"/>
    <col min="11016" max="11021" width="9" style="86"/>
    <col min="11022" max="11022" width="9.83203125" style="86" customWidth="1"/>
    <col min="11023" max="11262" width="9" style="86"/>
    <col min="11263" max="11263" width="7.58203125" style="86" customWidth="1"/>
    <col min="11264" max="11264" width="40.75" style="86" customWidth="1"/>
    <col min="11265" max="11266" width="17.75" style="86" customWidth="1"/>
    <col min="11267" max="11267" width="2.75" style="86" customWidth="1"/>
    <col min="11268" max="11269" width="17.75" style="86" customWidth="1"/>
    <col min="11270" max="11270" width="9" style="86"/>
    <col min="11271" max="11271" width="12" style="86" customWidth="1"/>
    <col min="11272" max="11277" width="9" style="86"/>
    <col min="11278" max="11278" width="9.83203125" style="86" customWidth="1"/>
    <col min="11279" max="11518" width="9" style="86"/>
    <col min="11519" max="11519" width="7.58203125" style="86" customWidth="1"/>
    <col min="11520" max="11520" width="40.75" style="86" customWidth="1"/>
    <col min="11521" max="11522" width="17.75" style="86" customWidth="1"/>
    <col min="11523" max="11523" width="2.75" style="86" customWidth="1"/>
    <col min="11524" max="11525" width="17.75" style="86" customWidth="1"/>
    <col min="11526" max="11526" width="9" style="86"/>
    <col min="11527" max="11527" width="12" style="86" customWidth="1"/>
    <col min="11528" max="11533" width="9" style="86"/>
    <col min="11534" max="11534" width="9.83203125" style="86" customWidth="1"/>
    <col min="11535" max="11774" width="9" style="86"/>
    <col min="11775" max="11775" width="7.58203125" style="86" customWidth="1"/>
    <col min="11776" max="11776" width="40.75" style="86" customWidth="1"/>
    <col min="11777" max="11778" width="17.75" style="86" customWidth="1"/>
    <col min="11779" max="11779" width="2.75" style="86" customWidth="1"/>
    <col min="11780" max="11781" width="17.75" style="86" customWidth="1"/>
    <col min="11782" max="11782" width="9" style="86"/>
    <col min="11783" max="11783" width="12" style="86" customWidth="1"/>
    <col min="11784" max="11789" width="9" style="86"/>
    <col min="11790" max="11790" width="9.83203125" style="86" customWidth="1"/>
    <col min="11791" max="12030" width="9" style="86"/>
    <col min="12031" max="12031" width="7.58203125" style="86" customWidth="1"/>
    <col min="12032" max="12032" width="40.75" style="86" customWidth="1"/>
    <col min="12033" max="12034" width="17.75" style="86" customWidth="1"/>
    <col min="12035" max="12035" width="2.75" style="86" customWidth="1"/>
    <col min="12036" max="12037" width="17.75" style="86" customWidth="1"/>
    <col min="12038" max="12038" width="9" style="86"/>
    <col min="12039" max="12039" width="12" style="86" customWidth="1"/>
    <col min="12040" max="12045" width="9" style="86"/>
    <col min="12046" max="12046" width="9.83203125" style="86" customWidth="1"/>
    <col min="12047" max="12286" width="9" style="86"/>
    <col min="12287" max="12287" width="7.58203125" style="86" customWidth="1"/>
    <col min="12288" max="12288" width="40.75" style="86" customWidth="1"/>
    <col min="12289" max="12290" width="17.75" style="86" customWidth="1"/>
    <col min="12291" max="12291" width="2.75" style="86" customWidth="1"/>
    <col min="12292" max="12293" width="17.75" style="86" customWidth="1"/>
    <col min="12294" max="12294" width="9" style="86"/>
    <col min="12295" max="12295" width="12" style="86" customWidth="1"/>
    <col min="12296" max="12301" width="9" style="86"/>
    <col min="12302" max="12302" width="9.83203125" style="86" customWidth="1"/>
    <col min="12303" max="12542" width="9" style="86"/>
    <col min="12543" max="12543" width="7.58203125" style="86" customWidth="1"/>
    <col min="12544" max="12544" width="40.75" style="86" customWidth="1"/>
    <col min="12545" max="12546" width="17.75" style="86" customWidth="1"/>
    <col min="12547" max="12547" width="2.75" style="86" customWidth="1"/>
    <col min="12548" max="12549" width="17.75" style="86" customWidth="1"/>
    <col min="12550" max="12550" width="9" style="86"/>
    <col min="12551" max="12551" width="12" style="86" customWidth="1"/>
    <col min="12552" max="12557" width="9" style="86"/>
    <col min="12558" max="12558" width="9.83203125" style="86" customWidth="1"/>
    <col min="12559" max="12798" width="9" style="86"/>
    <col min="12799" max="12799" width="7.58203125" style="86" customWidth="1"/>
    <col min="12800" max="12800" width="40.75" style="86" customWidth="1"/>
    <col min="12801" max="12802" width="17.75" style="86" customWidth="1"/>
    <col min="12803" max="12803" width="2.75" style="86" customWidth="1"/>
    <col min="12804" max="12805" width="17.75" style="86" customWidth="1"/>
    <col min="12806" max="12806" width="9" style="86"/>
    <col min="12807" max="12807" width="12" style="86" customWidth="1"/>
    <col min="12808" max="12813" width="9" style="86"/>
    <col min="12814" max="12814" width="9.83203125" style="86" customWidth="1"/>
    <col min="12815" max="13054" width="9" style="86"/>
    <col min="13055" max="13055" width="7.58203125" style="86" customWidth="1"/>
    <col min="13056" max="13056" width="40.75" style="86" customWidth="1"/>
    <col min="13057" max="13058" width="17.75" style="86" customWidth="1"/>
    <col min="13059" max="13059" width="2.75" style="86" customWidth="1"/>
    <col min="13060" max="13061" width="17.75" style="86" customWidth="1"/>
    <col min="13062" max="13062" width="9" style="86"/>
    <col min="13063" max="13063" width="12" style="86" customWidth="1"/>
    <col min="13064" max="13069" width="9" style="86"/>
    <col min="13070" max="13070" width="9.83203125" style="86" customWidth="1"/>
    <col min="13071" max="13310" width="9" style="86"/>
    <col min="13311" max="13311" width="7.58203125" style="86" customWidth="1"/>
    <col min="13312" max="13312" width="40.75" style="86" customWidth="1"/>
    <col min="13313" max="13314" width="17.75" style="86" customWidth="1"/>
    <col min="13315" max="13315" width="2.75" style="86" customWidth="1"/>
    <col min="13316" max="13317" width="17.75" style="86" customWidth="1"/>
    <col min="13318" max="13318" width="9" style="86"/>
    <col min="13319" max="13319" width="12" style="86" customWidth="1"/>
    <col min="13320" max="13325" width="9" style="86"/>
    <col min="13326" max="13326" width="9.83203125" style="86" customWidth="1"/>
    <col min="13327" max="13566" width="9" style="86"/>
    <col min="13567" max="13567" width="7.58203125" style="86" customWidth="1"/>
    <col min="13568" max="13568" width="40.75" style="86" customWidth="1"/>
    <col min="13569" max="13570" width="17.75" style="86" customWidth="1"/>
    <col min="13571" max="13571" width="2.75" style="86" customWidth="1"/>
    <col min="13572" max="13573" width="17.75" style="86" customWidth="1"/>
    <col min="13574" max="13574" width="9" style="86"/>
    <col min="13575" max="13575" width="12" style="86" customWidth="1"/>
    <col min="13576" max="13581" width="9" style="86"/>
    <col min="13582" max="13582" width="9.83203125" style="86" customWidth="1"/>
    <col min="13583" max="13822" width="9" style="86"/>
    <col min="13823" max="13823" width="7.58203125" style="86" customWidth="1"/>
    <col min="13824" max="13824" width="40.75" style="86" customWidth="1"/>
    <col min="13825" max="13826" width="17.75" style="86" customWidth="1"/>
    <col min="13827" max="13827" width="2.75" style="86" customWidth="1"/>
    <col min="13828" max="13829" width="17.75" style="86" customWidth="1"/>
    <col min="13830" max="13830" width="9" style="86"/>
    <col min="13831" max="13831" width="12" style="86" customWidth="1"/>
    <col min="13832" max="13837" width="9" style="86"/>
    <col min="13838" max="13838" width="9.83203125" style="86" customWidth="1"/>
    <col min="13839" max="14078" width="9" style="86"/>
    <col min="14079" max="14079" width="7.58203125" style="86" customWidth="1"/>
    <col min="14080" max="14080" width="40.75" style="86" customWidth="1"/>
    <col min="14081" max="14082" width="17.75" style="86" customWidth="1"/>
    <col min="14083" max="14083" width="2.75" style="86" customWidth="1"/>
    <col min="14084" max="14085" width="17.75" style="86" customWidth="1"/>
    <col min="14086" max="14086" width="9" style="86"/>
    <col min="14087" max="14087" width="12" style="86" customWidth="1"/>
    <col min="14088" max="14093" width="9" style="86"/>
    <col min="14094" max="14094" width="9.83203125" style="86" customWidth="1"/>
    <col min="14095" max="14334" width="9" style="86"/>
    <col min="14335" max="14335" width="7.58203125" style="86" customWidth="1"/>
    <col min="14336" max="14336" width="40.75" style="86" customWidth="1"/>
    <col min="14337" max="14338" width="17.75" style="86" customWidth="1"/>
    <col min="14339" max="14339" width="2.75" style="86" customWidth="1"/>
    <col min="14340" max="14341" width="17.75" style="86" customWidth="1"/>
    <col min="14342" max="14342" width="9" style="86"/>
    <col min="14343" max="14343" width="12" style="86" customWidth="1"/>
    <col min="14344" max="14349" width="9" style="86"/>
    <col min="14350" max="14350" width="9.83203125" style="86" customWidth="1"/>
    <col min="14351" max="14590" width="9" style="86"/>
    <col min="14591" max="14591" width="7.58203125" style="86" customWidth="1"/>
    <col min="14592" max="14592" width="40.75" style="86" customWidth="1"/>
    <col min="14593" max="14594" width="17.75" style="86" customWidth="1"/>
    <col min="14595" max="14595" width="2.75" style="86" customWidth="1"/>
    <col min="14596" max="14597" width="17.75" style="86" customWidth="1"/>
    <col min="14598" max="14598" width="9" style="86"/>
    <col min="14599" max="14599" width="12" style="86" customWidth="1"/>
    <col min="14600" max="14605" width="9" style="86"/>
    <col min="14606" max="14606" width="9.83203125" style="86" customWidth="1"/>
    <col min="14607" max="14846" width="9" style="86"/>
    <col min="14847" max="14847" width="7.58203125" style="86" customWidth="1"/>
    <col min="14848" max="14848" width="40.75" style="86" customWidth="1"/>
    <col min="14849" max="14850" width="17.75" style="86" customWidth="1"/>
    <col min="14851" max="14851" width="2.75" style="86" customWidth="1"/>
    <col min="14852" max="14853" width="17.75" style="86" customWidth="1"/>
    <col min="14854" max="14854" width="9" style="86"/>
    <col min="14855" max="14855" width="12" style="86" customWidth="1"/>
    <col min="14856" max="14861" width="9" style="86"/>
    <col min="14862" max="14862" width="9.83203125" style="86" customWidth="1"/>
    <col min="14863" max="15102" width="9" style="86"/>
    <col min="15103" max="15103" width="7.58203125" style="86" customWidth="1"/>
    <col min="15104" max="15104" width="40.75" style="86" customWidth="1"/>
    <col min="15105" max="15106" width="17.75" style="86" customWidth="1"/>
    <col min="15107" max="15107" width="2.75" style="86" customWidth="1"/>
    <col min="15108" max="15109" width="17.75" style="86" customWidth="1"/>
    <col min="15110" max="15110" width="9" style="86"/>
    <col min="15111" max="15111" width="12" style="86" customWidth="1"/>
    <col min="15112" max="15117" width="9" style="86"/>
    <col min="15118" max="15118" width="9.83203125" style="86" customWidth="1"/>
    <col min="15119" max="15358" width="9" style="86"/>
    <col min="15359" max="15359" width="7.58203125" style="86" customWidth="1"/>
    <col min="15360" max="15360" width="40.75" style="86" customWidth="1"/>
    <col min="15361" max="15362" width="17.75" style="86" customWidth="1"/>
    <col min="15363" max="15363" width="2.75" style="86" customWidth="1"/>
    <col min="15364" max="15365" width="17.75" style="86" customWidth="1"/>
    <col min="15366" max="15366" width="9" style="86"/>
    <col min="15367" max="15367" width="12" style="86" customWidth="1"/>
    <col min="15368" max="15373" width="9" style="86"/>
    <col min="15374" max="15374" width="9.83203125" style="86" customWidth="1"/>
    <col min="15375" max="15614" width="9" style="86"/>
    <col min="15615" max="15615" width="7.58203125" style="86" customWidth="1"/>
    <col min="15616" max="15616" width="40.75" style="86" customWidth="1"/>
    <col min="15617" max="15618" width="17.75" style="86" customWidth="1"/>
    <col min="15619" max="15619" width="2.75" style="86" customWidth="1"/>
    <col min="15620" max="15621" width="17.75" style="86" customWidth="1"/>
    <col min="15622" max="15622" width="9" style="86"/>
    <col min="15623" max="15623" width="12" style="86" customWidth="1"/>
    <col min="15624" max="15629" width="9" style="86"/>
    <col min="15630" max="15630" width="9.83203125" style="86" customWidth="1"/>
    <col min="15631" max="15870" width="9" style="86"/>
    <col min="15871" max="15871" width="7.58203125" style="86" customWidth="1"/>
    <col min="15872" max="15872" width="40.75" style="86" customWidth="1"/>
    <col min="15873" max="15874" width="17.75" style="86" customWidth="1"/>
    <col min="15875" max="15875" width="2.75" style="86" customWidth="1"/>
    <col min="15876" max="15877" width="17.75" style="86" customWidth="1"/>
    <col min="15878" max="15878" width="9" style="86"/>
    <col min="15879" max="15879" width="12" style="86" customWidth="1"/>
    <col min="15880" max="15885" width="9" style="86"/>
    <col min="15886" max="15886" width="9.83203125" style="86" customWidth="1"/>
    <col min="15887" max="16126" width="9" style="86"/>
    <col min="16127" max="16127" width="7.58203125" style="86" customWidth="1"/>
    <col min="16128" max="16128" width="40.75" style="86" customWidth="1"/>
    <col min="16129" max="16130" width="17.75" style="86" customWidth="1"/>
    <col min="16131" max="16131" width="2.75" style="86" customWidth="1"/>
    <col min="16132" max="16133" width="17.75" style="86" customWidth="1"/>
    <col min="16134" max="16134" width="9" style="86"/>
    <col min="16135" max="16135" width="12" style="86" customWidth="1"/>
    <col min="16136" max="16141" width="9" style="86"/>
    <col min="16142" max="16142" width="9.83203125" style="86" customWidth="1"/>
    <col min="16143" max="16384" width="9" style="86"/>
  </cols>
  <sheetData>
    <row r="1" spans="1:9" s="87" customFormat="1" ht="13.15" customHeight="1">
      <c r="A1" s="652" t="s">
        <v>685</v>
      </c>
      <c r="B1" s="652"/>
      <c r="C1" s="6"/>
    </row>
    <row r="2" spans="1:9" s="87" customFormat="1">
      <c r="C2" s="101"/>
      <c r="D2" s="101"/>
      <c r="E2" s="101"/>
      <c r="F2" s="101"/>
      <c r="G2" s="269"/>
    </row>
    <row r="3" spans="1:9" s="87" customFormat="1" ht="13.15" customHeight="1">
      <c r="A3" s="229"/>
      <c r="B3" s="89" t="s">
        <v>186</v>
      </c>
    </row>
    <row r="4" spans="1:9">
      <c r="A4" s="64"/>
      <c r="B4" s="89"/>
      <c r="G4" s="307"/>
      <c r="H4" s="87"/>
      <c r="I4" s="87"/>
    </row>
    <row r="5" spans="1:9">
      <c r="A5" s="90"/>
      <c r="B5" s="91"/>
      <c r="C5" s="157" t="s">
        <v>1</v>
      </c>
      <c r="D5" s="157" t="s">
        <v>2</v>
      </c>
      <c r="F5" s="324" t="s">
        <v>1</v>
      </c>
      <c r="G5" s="324" t="s">
        <v>2</v>
      </c>
      <c r="H5" s="87"/>
      <c r="I5" s="87"/>
    </row>
    <row r="6" spans="1:9">
      <c r="B6" s="92"/>
      <c r="C6" s="929" t="s">
        <v>689</v>
      </c>
      <c r="D6" s="929"/>
      <c r="F6" s="930" t="s">
        <v>687</v>
      </c>
      <c r="G6" s="930"/>
      <c r="H6" s="87"/>
      <c r="I6" s="87"/>
    </row>
    <row r="7" spans="1:9" ht="26">
      <c r="B7" s="93" t="s">
        <v>12</v>
      </c>
      <c r="C7" s="94" t="s">
        <v>453</v>
      </c>
      <c r="D7" s="94" t="s">
        <v>454</v>
      </c>
      <c r="F7" s="523" t="s">
        <v>453</v>
      </c>
      <c r="G7" s="523" t="s">
        <v>454</v>
      </c>
      <c r="H7" s="87"/>
      <c r="I7" s="87"/>
    </row>
    <row r="8" spans="1:9" s="87" customFormat="1">
      <c r="A8" s="156">
        <v>1</v>
      </c>
      <c r="B8" s="95" t="s">
        <v>181</v>
      </c>
      <c r="C8" s="96">
        <v>152524.20511899999</v>
      </c>
      <c r="D8" s="96">
        <v>152524.20511899999</v>
      </c>
      <c r="F8" s="524">
        <v>162636.586259</v>
      </c>
      <c r="G8" s="524">
        <v>162636.586259</v>
      </c>
    </row>
    <row r="9" spans="1:9" s="87" customFormat="1">
      <c r="A9" s="156">
        <v>2</v>
      </c>
      <c r="B9" s="97" t="s">
        <v>74</v>
      </c>
      <c r="C9" s="11">
        <v>13279.288124999999</v>
      </c>
      <c r="D9" s="11">
        <v>13279.288124999999</v>
      </c>
      <c r="F9" s="525">
        <v>14202.712491</v>
      </c>
      <c r="G9" s="525">
        <v>14202.712491</v>
      </c>
    </row>
    <row r="10" spans="1:9" s="87" customFormat="1">
      <c r="A10" s="156">
        <v>3</v>
      </c>
      <c r="B10" s="97" t="s">
        <v>64</v>
      </c>
      <c r="C10" s="11">
        <v>16812.075980000001</v>
      </c>
      <c r="D10" s="11">
        <v>16812.075980000001</v>
      </c>
      <c r="F10" s="525">
        <v>19012.940186</v>
      </c>
      <c r="G10" s="525">
        <v>19012.940186</v>
      </c>
    </row>
    <row r="11" spans="1:9" s="87" customFormat="1">
      <c r="A11" s="156">
        <v>4</v>
      </c>
      <c r="B11" s="97" t="s">
        <v>182</v>
      </c>
      <c r="C11" s="11">
        <v>24476.976693000001</v>
      </c>
      <c r="D11" s="11">
        <v>24476.976693000001</v>
      </c>
      <c r="F11" s="525">
        <v>35652.282329000001</v>
      </c>
      <c r="G11" s="525">
        <v>35652.282329000001</v>
      </c>
    </row>
    <row r="12" spans="1:9" s="87" customFormat="1">
      <c r="A12" s="156">
        <v>5</v>
      </c>
      <c r="B12" s="97" t="s">
        <v>183</v>
      </c>
      <c r="C12" s="11">
        <v>4256.5270650000002</v>
      </c>
      <c r="D12" s="11">
        <v>4256.5270650000002</v>
      </c>
      <c r="F12" s="525">
        <v>4530.5761990000001</v>
      </c>
      <c r="G12" s="525">
        <v>4530.5761990000001</v>
      </c>
    </row>
    <row r="13" spans="1:9" s="87" customFormat="1">
      <c r="A13" s="156">
        <v>6</v>
      </c>
      <c r="B13" s="26" t="s">
        <v>82</v>
      </c>
      <c r="C13" s="11">
        <v>93699.337255999999</v>
      </c>
      <c r="D13" s="11">
        <v>93699.337255999999</v>
      </c>
      <c r="F13" s="525">
        <v>89238.075054000001</v>
      </c>
      <c r="G13" s="525">
        <v>89238.075054000001</v>
      </c>
    </row>
    <row r="14" spans="1:9" s="87" customFormat="1">
      <c r="A14" s="156"/>
      <c r="B14" s="26"/>
      <c r="F14" s="439"/>
      <c r="G14" s="439"/>
    </row>
    <row r="15" spans="1:9" s="87" customFormat="1">
      <c r="A15" s="156">
        <v>7</v>
      </c>
      <c r="B15" s="95" t="s">
        <v>184</v>
      </c>
      <c r="C15" s="96">
        <v>293137.49871600006</v>
      </c>
      <c r="D15" s="96">
        <v>293137.49871600006</v>
      </c>
      <c r="F15" s="524">
        <v>305028.869557</v>
      </c>
      <c r="G15" s="524">
        <v>305028.869557</v>
      </c>
    </row>
    <row r="16" spans="1:9" s="87" customFormat="1">
      <c r="A16" s="156">
        <v>9</v>
      </c>
      <c r="B16" s="97" t="s">
        <v>64</v>
      </c>
      <c r="C16" s="11">
        <v>22602.252934</v>
      </c>
      <c r="D16" s="11">
        <v>22602.252934</v>
      </c>
      <c r="F16" s="525">
        <v>20886.043334999998</v>
      </c>
      <c r="G16" s="525">
        <v>20886.043334999998</v>
      </c>
    </row>
    <row r="17" spans="1:7" s="87" customFormat="1">
      <c r="A17" s="156">
        <v>10</v>
      </c>
      <c r="B17" s="97" t="s">
        <v>182</v>
      </c>
      <c r="C17" s="11">
        <v>26231.650373</v>
      </c>
      <c r="D17" s="11">
        <v>26231.650373</v>
      </c>
      <c r="F17" s="525">
        <v>27352.636889000001</v>
      </c>
      <c r="G17" s="525">
        <v>27352.636889000001</v>
      </c>
    </row>
    <row r="18" spans="1:7" s="87" customFormat="1">
      <c r="A18" s="156">
        <v>11</v>
      </c>
      <c r="B18" s="97" t="s">
        <v>183</v>
      </c>
      <c r="C18" s="11">
        <v>11470.702713999999</v>
      </c>
      <c r="D18" s="11">
        <v>11470.702713999999</v>
      </c>
      <c r="F18" s="525">
        <v>10342.49128</v>
      </c>
      <c r="G18" s="525">
        <v>10342.49128</v>
      </c>
    </row>
    <row r="19" spans="1:7" s="87" customFormat="1">
      <c r="A19" s="156">
        <v>12</v>
      </c>
      <c r="B19" s="26" t="s">
        <v>82</v>
      </c>
      <c r="C19" s="11">
        <v>169093.494771</v>
      </c>
      <c r="D19" s="11">
        <v>169093.494771</v>
      </c>
      <c r="F19" s="525">
        <v>181963.49051199999</v>
      </c>
      <c r="G19" s="525">
        <v>181963.49051199999</v>
      </c>
    </row>
    <row r="20" spans="1:7" s="87" customFormat="1">
      <c r="A20" s="156">
        <v>13</v>
      </c>
      <c r="B20" s="97" t="s">
        <v>70</v>
      </c>
      <c r="C20" s="11">
        <v>1469.0754529999999</v>
      </c>
      <c r="D20" s="11">
        <v>1469.0754529999999</v>
      </c>
      <c r="F20" s="525">
        <v>1596.6174140000001</v>
      </c>
      <c r="G20" s="525">
        <v>1596.6174140000001</v>
      </c>
    </row>
    <row r="21" spans="1:7" s="87" customFormat="1">
      <c r="A21" s="156">
        <v>14</v>
      </c>
      <c r="B21" s="97" t="s">
        <v>71</v>
      </c>
      <c r="C21" s="11">
        <v>39348.365123000003</v>
      </c>
      <c r="D21" s="11">
        <v>39348.365123000003</v>
      </c>
      <c r="F21" s="525">
        <v>38760.835799</v>
      </c>
      <c r="G21" s="525">
        <v>38760.835799</v>
      </c>
    </row>
    <row r="22" spans="1:7" s="87" customFormat="1">
      <c r="A22" s="156">
        <v>16</v>
      </c>
      <c r="B22" s="97" t="s">
        <v>72</v>
      </c>
      <c r="C22" s="11">
        <v>5278.2042959999999</v>
      </c>
      <c r="D22" s="11">
        <v>5278.2042959999999</v>
      </c>
      <c r="F22" s="525">
        <v>5218.5989410000002</v>
      </c>
      <c r="G22" s="525">
        <v>5218.5989410000002</v>
      </c>
    </row>
    <row r="23" spans="1:7" s="87" customFormat="1">
      <c r="A23" s="156">
        <v>17</v>
      </c>
      <c r="B23" s="99" t="s">
        <v>73</v>
      </c>
      <c r="C23" s="16">
        <v>17643.753052</v>
      </c>
      <c r="D23" s="16">
        <v>17643.753052</v>
      </c>
      <c r="F23" s="526">
        <v>18908.155386999999</v>
      </c>
      <c r="G23" s="526">
        <v>18908.155386999999</v>
      </c>
    </row>
    <row r="24" spans="1:7" s="87" customFormat="1">
      <c r="A24" s="156">
        <v>20</v>
      </c>
      <c r="B24" s="100" t="s">
        <v>13</v>
      </c>
      <c r="C24" s="96">
        <v>445661.70383500005</v>
      </c>
      <c r="D24" s="96">
        <v>445661.70383500005</v>
      </c>
      <c r="F24" s="524">
        <v>467665.455816</v>
      </c>
      <c r="G24" s="524">
        <v>467665.455816</v>
      </c>
    </row>
    <row r="25" spans="1:7" s="87" customFormat="1">
      <c r="B25" s="283"/>
    </row>
    <row r="26" spans="1:7" s="87" customFormat="1">
      <c r="B26" s="283"/>
    </row>
    <row r="27" spans="1:7" s="87" customFormat="1" ht="13.15" customHeight="1">
      <c r="B27" s="283"/>
    </row>
    <row r="28" spans="1:7" s="87" customFormat="1">
      <c r="B28" s="283"/>
    </row>
    <row r="29" spans="1:7" s="87" customFormat="1">
      <c r="B29" s="283"/>
    </row>
    <row r="30" spans="1:7" s="87" customFormat="1">
      <c r="B30" s="283"/>
    </row>
    <row r="31" spans="1:7" s="87" customFormat="1">
      <c r="B31" s="283"/>
    </row>
    <row r="32" spans="1:7" s="87" customFormat="1">
      <c r="B32" s="283"/>
    </row>
    <row r="33" spans="1:7" s="87" customFormat="1">
      <c r="B33" s="283"/>
    </row>
    <row r="34" spans="1:7" s="87" customFormat="1">
      <c r="B34" s="283"/>
    </row>
    <row r="35" spans="1:7" s="87" customFormat="1">
      <c r="B35" s="283"/>
    </row>
    <row r="36" spans="1:7" s="87" customFormat="1">
      <c r="B36" s="283"/>
    </row>
    <row r="37" spans="1:7" s="87" customFormat="1">
      <c r="B37" s="283"/>
    </row>
    <row r="38" spans="1:7" s="87" customFormat="1">
      <c r="B38" s="283"/>
    </row>
    <row r="39" spans="1:7" s="87" customFormat="1">
      <c r="B39" s="283"/>
    </row>
    <row r="40" spans="1:7" s="87" customFormat="1">
      <c r="B40" s="283"/>
    </row>
    <row r="41" spans="1:7" s="87" customFormat="1">
      <c r="B41" s="283"/>
    </row>
    <row r="42" spans="1:7" s="87" customFormat="1">
      <c r="B42" s="283"/>
    </row>
    <row r="43" spans="1:7" s="87" customFormat="1">
      <c r="B43" s="283"/>
    </row>
    <row r="44" spans="1:7" s="87" customFormat="1">
      <c r="B44" s="283"/>
    </row>
    <row r="45" spans="1:7" s="87" customFormat="1">
      <c r="B45" s="283"/>
    </row>
    <row r="46" spans="1:7" s="87" customFormat="1">
      <c r="B46" s="283"/>
    </row>
    <row r="47" spans="1:7" s="87" customFormat="1">
      <c r="B47" s="283"/>
    </row>
    <row r="48" spans="1:7">
      <c r="A48" s="87"/>
      <c r="B48" s="283"/>
      <c r="C48" s="87"/>
      <c r="D48" s="87"/>
      <c r="F48" s="87"/>
      <c r="G48" s="87"/>
    </row>
    <row r="49" spans="1:7">
      <c r="A49" s="87"/>
      <c r="B49" s="283"/>
      <c r="C49" s="87"/>
      <c r="D49" s="87"/>
      <c r="F49" s="87"/>
      <c r="G49" s="87"/>
    </row>
    <row r="50" spans="1:7">
      <c r="A50" s="87"/>
      <c r="B50" s="283"/>
      <c r="C50" s="87"/>
      <c r="D50" s="87"/>
      <c r="F50" s="87"/>
      <c r="G50" s="87"/>
    </row>
    <row r="51" spans="1:7">
      <c r="A51" s="87"/>
      <c r="B51" s="283"/>
      <c r="C51" s="87"/>
      <c r="D51" s="87"/>
      <c r="F51" s="87"/>
      <c r="G51" s="87"/>
    </row>
    <row r="52" spans="1:7">
      <c r="A52" s="87"/>
      <c r="B52" s="283"/>
      <c r="C52" s="87"/>
      <c r="D52" s="87"/>
      <c r="F52" s="87"/>
      <c r="G52" s="87"/>
    </row>
    <row r="53" spans="1:7">
      <c r="A53" s="87"/>
      <c r="B53" s="283"/>
      <c r="C53" s="87"/>
      <c r="D53" s="87"/>
      <c r="F53" s="87"/>
      <c r="G53" s="87"/>
    </row>
    <row r="54" spans="1:7">
      <c r="A54" s="87"/>
      <c r="B54" s="283"/>
      <c r="C54" s="87"/>
      <c r="D54" s="87"/>
      <c r="F54" s="87"/>
      <c r="G54" s="87"/>
    </row>
    <row r="55" spans="1:7">
      <c r="A55" s="87"/>
      <c r="B55" s="283"/>
      <c r="C55" s="87"/>
      <c r="D55" s="87"/>
      <c r="F55" s="87"/>
      <c r="G55" s="87"/>
    </row>
    <row r="56" spans="1:7">
      <c r="A56" s="87"/>
      <c r="B56" s="283"/>
      <c r="C56" s="87"/>
      <c r="D56" s="87"/>
      <c r="F56" s="87"/>
      <c r="G56" s="87"/>
    </row>
    <row r="57" spans="1:7">
      <c r="A57" s="87"/>
      <c r="B57" s="283"/>
      <c r="C57" s="87"/>
      <c r="D57" s="87"/>
      <c r="F57" s="87"/>
      <c r="G57" s="87"/>
    </row>
    <row r="58" spans="1:7">
      <c r="A58" s="87"/>
      <c r="B58" s="283"/>
      <c r="C58" s="87"/>
      <c r="D58" s="87"/>
      <c r="F58" s="87"/>
      <c r="G58" s="87"/>
    </row>
    <row r="59" spans="1:7">
      <c r="A59" s="87"/>
      <c r="B59" s="283"/>
      <c r="C59" s="87"/>
      <c r="D59" s="87"/>
      <c r="F59" s="87"/>
      <c r="G59" s="87"/>
    </row>
    <row r="60" spans="1:7">
      <c r="A60" s="87"/>
      <c r="B60" s="283"/>
      <c r="C60" s="87"/>
      <c r="D60" s="87"/>
      <c r="F60" s="87"/>
      <c r="G60" s="87"/>
    </row>
    <row r="61" spans="1:7">
      <c r="A61" s="87"/>
      <c r="B61" s="283"/>
      <c r="C61" s="87"/>
      <c r="D61" s="87"/>
      <c r="F61" s="87"/>
      <c r="G61" s="87"/>
    </row>
    <row r="62" spans="1:7">
      <c r="A62" s="87"/>
      <c r="B62" s="283"/>
      <c r="C62" s="87"/>
      <c r="D62" s="87"/>
      <c r="F62" s="87"/>
      <c r="G62" s="87"/>
    </row>
    <row r="63" spans="1:7">
      <c r="A63" s="87"/>
      <c r="B63" s="283"/>
      <c r="C63" s="87"/>
      <c r="D63" s="87"/>
      <c r="F63" s="87"/>
      <c r="G63" s="87"/>
    </row>
  </sheetData>
  <mergeCells count="2">
    <mergeCell ref="C6:D6"/>
    <mergeCell ref="F6:G6"/>
  </mergeCells>
  <pageMargins left="0.70866141732283472" right="0.70866141732283472" top="0.74803149606299213" bottom="0.74803149606299213" header="0.31496062992125984" footer="0.31496062992125984"/>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4"/>
  <dimension ref="A1:H80"/>
  <sheetViews>
    <sheetView zoomScaleNormal="100" workbookViewId="0">
      <selection activeCell="B3" sqref="B3"/>
    </sheetView>
  </sheetViews>
  <sheetFormatPr defaultRowHeight="13"/>
  <cols>
    <col min="1" max="2" width="6.25" customWidth="1"/>
    <col min="3" max="3" width="51" customWidth="1"/>
    <col min="4" max="8" width="12.75" style="291" customWidth="1"/>
  </cols>
  <sheetData>
    <row r="1" spans="1:8" s="224" customFormat="1">
      <c r="A1" s="652" t="s">
        <v>685</v>
      </c>
      <c r="B1" s="652"/>
      <c r="C1" s="6"/>
      <c r="D1" s="279"/>
      <c r="E1" s="279"/>
      <c r="F1" s="279"/>
      <c r="G1" s="279"/>
    </row>
    <row r="2" spans="1:8" s="224" customFormat="1">
      <c r="A2" s="221"/>
      <c r="B2" s="221"/>
      <c r="C2" s="221"/>
      <c r="D2" s="279"/>
      <c r="E2" s="279"/>
      <c r="F2" s="279"/>
      <c r="G2" s="279"/>
    </row>
    <row r="3" spans="1:8" s="224" customFormat="1">
      <c r="B3" s="226" t="s">
        <v>478</v>
      </c>
      <c r="C3" s="226"/>
    </row>
    <row r="4" spans="1:8" s="224" customFormat="1">
      <c r="C4" s="226"/>
    </row>
    <row r="5" spans="1:8" s="222" customFormat="1">
      <c r="B5" s="289"/>
      <c r="C5" s="289"/>
      <c r="D5" s="232"/>
      <c r="E5" s="232"/>
      <c r="F5" s="232"/>
      <c r="G5" s="232"/>
      <c r="H5" s="232"/>
    </row>
    <row r="6" spans="1:8" s="222" customFormat="1">
      <c r="B6" s="290" t="s">
        <v>12</v>
      </c>
      <c r="C6" s="290"/>
      <c r="D6" s="332" t="s">
        <v>689</v>
      </c>
      <c r="E6" s="329" t="s">
        <v>686</v>
      </c>
      <c r="F6" s="332" t="s">
        <v>687</v>
      </c>
      <c r="G6" s="332" t="s">
        <v>688</v>
      </c>
      <c r="H6" s="332" t="s">
        <v>563</v>
      </c>
    </row>
    <row r="7" spans="1:8" s="222" customFormat="1" ht="13.15" customHeight="1">
      <c r="B7" s="780" t="s">
        <v>479</v>
      </c>
      <c r="C7" s="780"/>
      <c r="D7" s="780"/>
      <c r="E7" s="780"/>
      <c r="F7" s="780"/>
      <c r="G7" s="780"/>
      <c r="H7" s="780"/>
    </row>
    <row r="8" spans="1:8" s="224" customFormat="1">
      <c r="B8" s="172">
        <v>1</v>
      </c>
      <c r="C8" s="224" t="s">
        <v>480</v>
      </c>
      <c r="D8" s="178">
        <v>152123.97831335419</v>
      </c>
      <c r="E8" s="295">
        <v>144933.6706476619</v>
      </c>
      <c r="F8" s="178">
        <v>132490.6590947138</v>
      </c>
      <c r="G8" s="178">
        <v>131345.53561271622</v>
      </c>
      <c r="H8" s="178">
        <v>131154.62714457815</v>
      </c>
    </row>
    <row r="9" spans="1:8" s="224" customFormat="1">
      <c r="B9" s="172">
        <v>2</v>
      </c>
      <c r="C9" s="220" t="s">
        <v>481</v>
      </c>
      <c r="D9" s="178">
        <v>164402.97831335419</v>
      </c>
      <c r="E9" s="295">
        <v>158417.1706476619</v>
      </c>
      <c r="F9" s="178">
        <v>146492.4090947138</v>
      </c>
      <c r="G9" s="178">
        <v>146388.28561271622</v>
      </c>
      <c r="H9" s="178">
        <v>155397.80714457817</v>
      </c>
    </row>
    <row r="10" spans="1:8" s="224" customFormat="1">
      <c r="B10" s="172">
        <v>3</v>
      </c>
      <c r="C10" s="220" t="s">
        <v>482</v>
      </c>
      <c r="D10" s="178">
        <v>181835.03973169965</v>
      </c>
      <c r="E10" s="295">
        <v>176712.66665067288</v>
      </c>
      <c r="F10" s="178">
        <v>165258.58271175102</v>
      </c>
      <c r="G10" s="178">
        <v>165551.95769467115</v>
      </c>
      <c r="H10" s="178">
        <v>173382.41357077815</v>
      </c>
    </row>
    <row r="11" spans="1:8" s="222" customFormat="1" ht="13.15" customHeight="1">
      <c r="B11" s="780" t="s">
        <v>483</v>
      </c>
      <c r="C11" s="780"/>
      <c r="D11" s="780"/>
      <c r="E11" s="780"/>
      <c r="F11" s="780"/>
      <c r="G11" s="780"/>
      <c r="H11" s="780"/>
    </row>
    <row r="12" spans="1:8" s="224" customFormat="1">
      <c r="B12" s="172">
        <v>4</v>
      </c>
      <c r="C12" s="220" t="s">
        <v>493</v>
      </c>
      <c r="D12" s="178">
        <v>725559.88123101508</v>
      </c>
      <c r="E12" s="295">
        <v>746307.84120612778</v>
      </c>
      <c r="F12" s="178">
        <v>745456.97777826153</v>
      </c>
      <c r="G12" s="178">
        <v>781686.9455995207</v>
      </c>
      <c r="H12" s="178">
        <v>745637.21359429194</v>
      </c>
    </row>
    <row r="13" spans="1:8" s="222" customFormat="1" ht="13.15" customHeight="1">
      <c r="B13" s="780" t="s">
        <v>484</v>
      </c>
      <c r="C13" s="780"/>
      <c r="D13" s="780"/>
      <c r="E13" s="780"/>
      <c r="F13" s="780"/>
      <c r="G13" s="780"/>
      <c r="H13" s="780"/>
    </row>
    <row r="14" spans="1:8" s="224" customFormat="1" ht="13" customHeight="1">
      <c r="B14" s="172">
        <v>5</v>
      </c>
      <c r="C14" s="224" t="s">
        <v>490</v>
      </c>
      <c r="D14" s="674" t="s">
        <v>743</v>
      </c>
      <c r="E14" s="674" t="s">
        <v>746</v>
      </c>
      <c r="F14" s="675" t="s">
        <v>749</v>
      </c>
      <c r="G14" s="675" t="s">
        <v>752</v>
      </c>
      <c r="H14" s="675" t="s">
        <v>754</v>
      </c>
    </row>
    <row r="15" spans="1:8" s="224" customFormat="1" ht="13" customHeight="1">
      <c r="B15" s="172">
        <v>6</v>
      </c>
      <c r="C15" s="224" t="s">
        <v>491</v>
      </c>
      <c r="D15" s="674" t="s">
        <v>744</v>
      </c>
      <c r="E15" s="674" t="s">
        <v>747</v>
      </c>
      <c r="F15" s="675" t="s">
        <v>750</v>
      </c>
      <c r="G15" s="675" t="s">
        <v>753</v>
      </c>
      <c r="H15" s="675" t="s">
        <v>755</v>
      </c>
    </row>
    <row r="16" spans="1:8" s="224" customFormat="1" ht="13" customHeight="1">
      <c r="B16" s="172">
        <v>7</v>
      </c>
      <c r="C16" s="224" t="s">
        <v>492</v>
      </c>
      <c r="D16" s="674" t="s">
        <v>745</v>
      </c>
      <c r="E16" s="674" t="s">
        <v>748</v>
      </c>
      <c r="F16" s="675" t="s">
        <v>751</v>
      </c>
      <c r="G16" s="675" t="s">
        <v>747</v>
      </c>
      <c r="H16" s="675" t="s">
        <v>756</v>
      </c>
    </row>
    <row r="17" spans="2:8" s="222" customFormat="1" ht="13.15" customHeight="1">
      <c r="B17" s="780" t="s">
        <v>485</v>
      </c>
      <c r="C17" s="780"/>
      <c r="D17" s="780"/>
      <c r="E17" s="780"/>
      <c r="F17" s="780"/>
      <c r="G17" s="780"/>
      <c r="H17" s="780"/>
    </row>
    <row r="18" spans="2:8" s="224" customFormat="1">
      <c r="B18" s="172">
        <v>8</v>
      </c>
      <c r="C18" s="220" t="s">
        <v>502</v>
      </c>
      <c r="D18" s="674" t="s">
        <v>757</v>
      </c>
      <c r="E18" s="674" t="s">
        <v>757</v>
      </c>
      <c r="F18" s="674" t="s">
        <v>757</v>
      </c>
      <c r="G18" s="674" t="s">
        <v>757</v>
      </c>
      <c r="H18" s="674" t="s">
        <v>757</v>
      </c>
    </row>
    <row r="19" spans="2:8" s="224" customFormat="1">
      <c r="B19" s="172">
        <v>9</v>
      </c>
      <c r="C19" s="220" t="s">
        <v>486</v>
      </c>
      <c r="D19" s="674" t="s">
        <v>683</v>
      </c>
      <c r="E19" s="674" t="s">
        <v>683</v>
      </c>
      <c r="F19" s="674" t="s">
        <v>683</v>
      </c>
      <c r="G19" s="674" t="s">
        <v>683</v>
      </c>
      <c r="H19" s="676" t="s">
        <v>758</v>
      </c>
    </row>
    <row r="20" spans="2:8" s="224" customFormat="1">
      <c r="B20" s="172">
        <v>10</v>
      </c>
      <c r="C20" s="220" t="s">
        <v>487</v>
      </c>
      <c r="D20" s="676" t="s">
        <v>760</v>
      </c>
      <c r="E20" s="676" t="s">
        <v>759</v>
      </c>
      <c r="F20" s="676" t="s">
        <v>759</v>
      </c>
      <c r="G20" s="676" t="s">
        <v>759</v>
      </c>
      <c r="H20" s="676" t="s">
        <v>759</v>
      </c>
    </row>
    <row r="21" spans="2:8" s="224" customFormat="1" ht="26">
      <c r="B21" s="232">
        <v>11</v>
      </c>
      <c r="C21" s="220" t="s">
        <v>488</v>
      </c>
      <c r="D21" s="674" t="s">
        <v>761</v>
      </c>
      <c r="E21" s="676" t="s">
        <v>764</v>
      </c>
      <c r="F21" s="676" t="s">
        <v>764</v>
      </c>
      <c r="G21" s="676" t="s">
        <v>764</v>
      </c>
      <c r="H21" s="676" t="s">
        <v>767</v>
      </c>
    </row>
    <row r="22" spans="2:8" s="224" customFormat="1" ht="26">
      <c r="B22" s="232">
        <v>12</v>
      </c>
      <c r="C22" s="220" t="s">
        <v>489</v>
      </c>
      <c r="D22" s="676" t="s">
        <v>762</v>
      </c>
      <c r="E22" s="676" t="s">
        <v>765</v>
      </c>
      <c r="F22" s="676" t="s">
        <v>768</v>
      </c>
      <c r="G22" s="676" t="s">
        <v>770</v>
      </c>
      <c r="H22" s="676" t="s">
        <v>771</v>
      </c>
    </row>
    <row r="23" spans="2:8" s="222" customFormat="1" ht="13.15" customHeight="1">
      <c r="B23" s="780" t="s">
        <v>499</v>
      </c>
      <c r="C23" s="780"/>
      <c r="D23" s="780"/>
      <c r="E23" s="780"/>
      <c r="F23" s="780"/>
      <c r="G23" s="780"/>
      <c r="H23" s="780"/>
    </row>
    <row r="24" spans="2:8" s="224" customFormat="1">
      <c r="B24" s="172">
        <v>13</v>
      </c>
      <c r="C24" s="224" t="s">
        <v>494</v>
      </c>
      <c r="D24" s="178">
        <v>3226865.929</v>
      </c>
      <c r="E24" s="436">
        <v>3422034.8229999999</v>
      </c>
      <c r="F24" s="437">
        <v>3395890.5929999999</v>
      </c>
      <c r="G24" s="437">
        <v>3418556.9219999998</v>
      </c>
      <c r="H24" s="437">
        <v>3063480.98</v>
      </c>
    </row>
    <row r="25" spans="2:8" s="224" customFormat="1">
      <c r="B25" s="172">
        <v>14</v>
      </c>
      <c r="C25" s="224" t="s">
        <v>495</v>
      </c>
      <c r="D25" s="676" t="s">
        <v>763</v>
      </c>
      <c r="E25" s="676" t="s">
        <v>766</v>
      </c>
      <c r="F25" s="676" t="s">
        <v>769</v>
      </c>
      <c r="G25" s="676" t="s">
        <v>769</v>
      </c>
      <c r="H25" s="676" t="s">
        <v>763</v>
      </c>
    </row>
    <row r="26" spans="2:8" s="222" customFormat="1" ht="13.15" customHeight="1">
      <c r="B26" s="780" t="s">
        <v>676</v>
      </c>
      <c r="C26" s="780"/>
      <c r="D26" s="780"/>
      <c r="E26" s="780"/>
      <c r="F26" s="780"/>
      <c r="G26" s="780"/>
      <c r="H26" s="780"/>
    </row>
    <row r="27" spans="2:8" s="224" customFormat="1">
      <c r="B27" s="172">
        <v>15</v>
      </c>
      <c r="C27" s="220" t="s">
        <v>496</v>
      </c>
      <c r="D27" s="178">
        <v>604621.29823712097</v>
      </c>
      <c r="E27" s="436">
        <v>741035.97128955601</v>
      </c>
      <c r="F27" s="437">
        <v>702672.41738095402</v>
      </c>
      <c r="G27" s="437">
        <v>645775</v>
      </c>
      <c r="H27" s="437">
        <v>457769.69</v>
      </c>
    </row>
    <row r="28" spans="2:8" s="224" customFormat="1">
      <c r="B28" s="172">
        <v>16</v>
      </c>
      <c r="C28" s="220" t="s">
        <v>497</v>
      </c>
      <c r="D28" s="178">
        <v>370659</v>
      </c>
      <c r="E28" s="436">
        <v>534141.79649139801</v>
      </c>
      <c r="F28" s="437">
        <v>510086.157076645</v>
      </c>
      <c r="G28" s="437">
        <v>366003</v>
      </c>
      <c r="H28" s="437">
        <v>209733.19</v>
      </c>
    </row>
    <row r="29" spans="2:8" s="224" customFormat="1">
      <c r="B29" s="172">
        <v>17</v>
      </c>
      <c r="C29" s="220" t="s">
        <v>498</v>
      </c>
      <c r="D29" s="677">
        <v>1.63</v>
      </c>
      <c r="E29" s="677">
        <v>1.39</v>
      </c>
      <c r="F29" s="678">
        <v>1.38</v>
      </c>
      <c r="G29" s="678">
        <v>1.76</v>
      </c>
      <c r="H29" s="678">
        <v>2.1800000000000002</v>
      </c>
    </row>
    <row r="30" spans="2:8" s="224" customFormat="1">
      <c r="C30" s="220"/>
      <c r="D30" s="178"/>
      <c r="E30" s="178"/>
      <c r="F30" s="178"/>
      <c r="G30" s="178"/>
      <c r="H30" s="178"/>
    </row>
    <row r="31" spans="2:8" s="224" customFormat="1">
      <c r="B31" s="172"/>
      <c r="C31" s="220"/>
      <c r="D31" s="178"/>
      <c r="E31" s="178"/>
      <c r="F31" s="178"/>
      <c r="G31" s="178"/>
      <c r="H31" s="178"/>
    </row>
    <row r="32" spans="2:8" s="224" customFormat="1">
      <c r="B32" s="292"/>
      <c r="C32" s="220"/>
      <c r="D32" s="178"/>
      <c r="E32" s="178"/>
      <c r="F32" s="178"/>
      <c r="G32" s="178"/>
      <c r="H32" s="178"/>
    </row>
    <row r="33" spans="2:8" s="224" customFormat="1">
      <c r="B33" s="172"/>
      <c r="C33" s="220"/>
      <c r="D33" s="178"/>
      <c r="E33" s="178"/>
      <c r="F33" s="178"/>
      <c r="G33" s="178"/>
      <c r="H33" s="178"/>
    </row>
    <row r="34" spans="2:8" s="224" customFormat="1">
      <c r="B34" s="172"/>
      <c r="C34" s="220"/>
      <c r="D34" s="178"/>
      <c r="E34" s="178"/>
      <c r="F34" s="178"/>
      <c r="G34" s="178"/>
      <c r="H34" s="178"/>
    </row>
    <row r="35" spans="2:8" s="224" customFormat="1">
      <c r="B35" s="172"/>
      <c r="C35" s="220"/>
      <c r="D35" s="178"/>
      <c r="E35" s="178"/>
      <c r="F35" s="178"/>
      <c r="G35" s="178"/>
      <c r="H35" s="178"/>
    </row>
    <row r="36" spans="2:8" s="224" customFormat="1">
      <c r="B36" s="172"/>
      <c r="C36" s="220"/>
      <c r="D36" s="178"/>
      <c r="E36" s="178"/>
      <c r="F36" s="178"/>
      <c r="G36" s="178"/>
      <c r="H36" s="178"/>
    </row>
    <row r="37" spans="2:8" s="224" customFormat="1">
      <c r="B37" s="172"/>
      <c r="C37" s="220"/>
      <c r="D37" s="178"/>
      <c r="E37" s="178"/>
      <c r="F37" s="178"/>
      <c r="G37" s="178"/>
      <c r="H37" s="178"/>
    </row>
    <row r="38" spans="2:8" s="224" customFormat="1">
      <c r="B38" s="172"/>
      <c r="C38" s="220"/>
      <c r="D38" s="178"/>
      <c r="E38" s="178"/>
      <c r="F38" s="178"/>
      <c r="G38" s="178"/>
      <c r="H38" s="178"/>
    </row>
    <row r="39" spans="2:8" s="224" customFormat="1">
      <c r="B39" s="172"/>
      <c r="C39" s="220"/>
      <c r="D39" s="178"/>
      <c r="E39" s="178"/>
      <c r="F39" s="178"/>
      <c r="G39" s="178"/>
      <c r="H39" s="178"/>
    </row>
    <row r="40" spans="2:8" s="224" customFormat="1">
      <c r="B40" s="172"/>
      <c r="C40" s="220"/>
      <c r="D40" s="178"/>
      <c r="E40" s="178"/>
      <c r="F40" s="178"/>
      <c r="G40" s="178"/>
      <c r="H40" s="178"/>
    </row>
    <row r="41" spans="2:8" s="224" customFormat="1">
      <c r="B41" s="172"/>
      <c r="C41" s="220"/>
      <c r="D41" s="178"/>
      <c r="E41" s="178"/>
      <c r="F41" s="178"/>
      <c r="G41" s="178"/>
      <c r="H41" s="178"/>
    </row>
    <row r="42" spans="2:8" s="224" customFormat="1">
      <c r="B42" s="172"/>
      <c r="C42" s="220"/>
      <c r="D42" s="178"/>
      <c r="E42" s="178"/>
      <c r="F42" s="178"/>
      <c r="G42" s="178"/>
      <c r="H42" s="178"/>
    </row>
    <row r="43" spans="2:8" s="224" customFormat="1">
      <c r="B43" s="172"/>
      <c r="C43" s="220"/>
      <c r="D43" s="178"/>
      <c r="E43" s="178"/>
      <c r="F43" s="178"/>
      <c r="G43" s="178"/>
      <c r="H43" s="178"/>
    </row>
    <row r="44" spans="2:8" s="224" customFormat="1">
      <c r="B44" s="172"/>
      <c r="C44" s="220"/>
      <c r="D44" s="178"/>
      <c r="E44" s="178"/>
      <c r="F44" s="178"/>
      <c r="G44" s="178"/>
      <c r="H44" s="178"/>
    </row>
    <row r="45" spans="2:8" s="224" customFormat="1">
      <c r="B45" s="172"/>
      <c r="C45" s="220"/>
      <c r="D45" s="178"/>
      <c r="E45" s="178"/>
      <c r="F45" s="178"/>
      <c r="G45" s="178"/>
      <c r="H45" s="178"/>
    </row>
    <row r="46" spans="2:8" s="224" customFormat="1">
      <c r="B46" s="172"/>
      <c r="C46" s="220"/>
      <c r="D46" s="178"/>
      <c r="E46" s="178"/>
      <c r="F46" s="178"/>
      <c r="G46" s="178"/>
      <c r="H46" s="178"/>
    </row>
    <row r="47" spans="2:8" s="224" customFormat="1">
      <c r="B47" s="172"/>
      <c r="C47" s="220"/>
      <c r="D47" s="178"/>
      <c r="E47" s="178"/>
      <c r="F47" s="178"/>
      <c r="G47" s="178"/>
      <c r="H47" s="178"/>
    </row>
    <row r="48" spans="2:8" s="224" customFormat="1">
      <c r="B48" s="172"/>
      <c r="C48" s="220"/>
      <c r="D48" s="178"/>
      <c r="E48" s="178"/>
      <c r="F48" s="178"/>
      <c r="G48" s="178"/>
      <c r="H48" s="178"/>
    </row>
    <row r="49" spans="2:8" s="224" customFormat="1">
      <c r="B49" s="172"/>
      <c r="C49" s="220"/>
      <c r="D49" s="178"/>
      <c r="E49" s="178"/>
      <c r="F49" s="178"/>
      <c r="G49" s="178"/>
      <c r="H49" s="178"/>
    </row>
    <row r="50" spans="2:8" s="224" customFormat="1">
      <c r="B50" s="172"/>
      <c r="C50" s="220"/>
      <c r="D50" s="178"/>
      <c r="E50" s="178"/>
      <c r="F50" s="178"/>
      <c r="G50" s="178"/>
      <c r="H50" s="178"/>
    </row>
    <row r="51" spans="2:8" s="224" customFormat="1">
      <c r="B51" s="172"/>
      <c r="C51" s="220"/>
      <c r="D51" s="178"/>
      <c r="E51" s="178"/>
      <c r="F51" s="178"/>
      <c r="G51" s="178"/>
      <c r="H51" s="178"/>
    </row>
    <row r="52" spans="2:8" s="224" customFormat="1">
      <c r="B52" s="172"/>
      <c r="C52" s="220"/>
      <c r="D52" s="178"/>
      <c r="E52" s="178"/>
      <c r="F52" s="178"/>
      <c r="G52" s="178"/>
      <c r="H52" s="178"/>
    </row>
    <row r="53" spans="2:8" s="224" customFormat="1">
      <c r="B53" s="172"/>
      <c r="C53" s="220"/>
      <c r="D53" s="178"/>
      <c r="E53" s="178"/>
      <c r="F53" s="178"/>
      <c r="G53" s="178"/>
      <c r="H53" s="178"/>
    </row>
    <row r="54" spans="2:8" s="224" customFormat="1">
      <c r="B54" s="172"/>
      <c r="C54" s="220"/>
      <c r="D54" s="178"/>
      <c r="E54" s="178"/>
      <c r="F54" s="178"/>
      <c r="G54" s="178"/>
      <c r="H54" s="178"/>
    </row>
    <row r="55" spans="2:8" s="224" customFormat="1">
      <c r="B55" s="172"/>
      <c r="C55" s="220"/>
      <c r="D55" s="178"/>
      <c r="E55" s="178"/>
      <c r="F55" s="178"/>
      <c r="G55" s="178"/>
      <c r="H55" s="178"/>
    </row>
    <row r="56" spans="2:8" s="224" customFormat="1">
      <c r="B56" s="172"/>
      <c r="C56" s="220"/>
      <c r="D56" s="178"/>
      <c r="E56" s="178"/>
      <c r="F56" s="178"/>
      <c r="G56" s="178"/>
      <c r="H56" s="178"/>
    </row>
    <row r="57" spans="2:8" s="224" customFormat="1">
      <c r="B57" s="172"/>
      <c r="C57" s="220"/>
      <c r="D57" s="178"/>
      <c r="E57" s="178"/>
      <c r="F57" s="178"/>
      <c r="G57" s="178"/>
      <c r="H57" s="178"/>
    </row>
    <row r="58" spans="2:8" s="224" customFormat="1">
      <c r="B58" s="172"/>
      <c r="C58" s="220"/>
      <c r="D58" s="178"/>
      <c r="E58" s="178"/>
      <c r="F58" s="178"/>
      <c r="G58" s="178"/>
      <c r="H58" s="178"/>
    </row>
    <row r="59" spans="2:8" s="224" customFormat="1">
      <c r="B59" s="172"/>
      <c r="C59" s="220"/>
      <c r="D59" s="178"/>
      <c r="E59" s="178"/>
      <c r="F59" s="178"/>
      <c r="G59" s="178"/>
      <c r="H59" s="178"/>
    </row>
    <row r="60" spans="2:8" s="224" customFormat="1">
      <c r="B60" s="172"/>
      <c r="C60" s="220"/>
      <c r="D60" s="178"/>
      <c r="E60" s="178"/>
      <c r="F60" s="178"/>
      <c r="G60" s="178"/>
      <c r="H60" s="178"/>
    </row>
    <row r="61" spans="2:8" s="224" customFormat="1">
      <c r="B61" s="172"/>
      <c r="C61" s="220"/>
      <c r="D61" s="178"/>
      <c r="E61" s="178"/>
      <c r="F61" s="178"/>
      <c r="G61" s="178"/>
      <c r="H61" s="178"/>
    </row>
    <row r="62" spans="2:8" s="224" customFormat="1">
      <c r="B62" s="172"/>
      <c r="C62" s="220"/>
      <c r="D62" s="178"/>
      <c r="E62" s="178"/>
      <c r="F62" s="178"/>
      <c r="G62" s="178"/>
      <c r="H62" s="178"/>
    </row>
    <row r="63" spans="2:8" s="224" customFormat="1">
      <c r="B63" s="172"/>
      <c r="C63" s="220"/>
      <c r="D63" s="178"/>
      <c r="E63" s="178"/>
      <c r="F63" s="178"/>
      <c r="G63" s="178"/>
      <c r="H63" s="178"/>
    </row>
    <row r="64" spans="2:8" s="224" customFormat="1">
      <c r="B64" s="172"/>
      <c r="C64" s="220"/>
      <c r="D64" s="178"/>
      <c r="E64" s="178"/>
      <c r="F64" s="178"/>
      <c r="G64" s="178"/>
      <c r="H64" s="178"/>
    </row>
    <row r="65" spans="2:8" s="224" customFormat="1">
      <c r="B65" s="172"/>
      <c r="C65" s="220"/>
      <c r="D65" s="178"/>
      <c r="E65" s="178"/>
      <c r="F65" s="178"/>
      <c r="G65" s="178"/>
      <c r="H65" s="178"/>
    </row>
    <row r="66" spans="2:8" s="224" customFormat="1">
      <c r="B66" s="172"/>
      <c r="C66" s="220"/>
      <c r="D66" s="178"/>
      <c r="E66" s="178"/>
      <c r="F66" s="178"/>
      <c r="G66" s="178"/>
      <c r="H66" s="178"/>
    </row>
    <row r="67" spans="2:8" s="224" customFormat="1">
      <c r="B67" s="172"/>
      <c r="C67" s="220"/>
      <c r="D67" s="178"/>
      <c r="E67" s="178"/>
      <c r="F67" s="178"/>
      <c r="G67" s="178"/>
      <c r="H67" s="178"/>
    </row>
    <row r="68" spans="2:8" s="224" customFormat="1">
      <c r="B68" s="172"/>
      <c r="C68" s="220"/>
      <c r="D68" s="178"/>
      <c r="E68" s="178"/>
      <c r="F68" s="178"/>
      <c r="G68" s="178"/>
      <c r="H68" s="178"/>
    </row>
    <row r="69" spans="2:8" s="224" customFormat="1">
      <c r="B69" s="172"/>
      <c r="C69" s="220"/>
      <c r="D69" s="178"/>
      <c r="E69" s="178"/>
      <c r="F69" s="178"/>
      <c r="G69" s="178"/>
      <c r="H69" s="178"/>
    </row>
    <row r="70" spans="2:8" s="224" customFormat="1">
      <c r="B70" s="172"/>
      <c r="C70" s="220"/>
      <c r="D70" s="178"/>
      <c r="E70" s="178"/>
      <c r="F70" s="178"/>
      <c r="G70" s="178"/>
      <c r="H70" s="178"/>
    </row>
    <row r="71" spans="2:8" s="224" customFormat="1">
      <c r="B71" s="172"/>
      <c r="C71" s="220"/>
      <c r="D71" s="178"/>
      <c r="E71" s="178"/>
      <c r="F71" s="178"/>
      <c r="G71" s="178"/>
      <c r="H71" s="178"/>
    </row>
    <row r="72" spans="2:8" s="224" customFormat="1">
      <c r="B72" s="172"/>
      <c r="C72" s="220"/>
      <c r="D72" s="178"/>
      <c r="E72" s="178"/>
      <c r="F72" s="178"/>
      <c r="G72" s="178"/>
      <c r="H72" s="178"/>
    </row>
    <row r="73" spans="2:8" s="224" customFormat="1">
      <c r="B73" s="172"/>
      <c r="C73" s="220"/>
      <c r="D73" s="178"/>
      <c r="E73" s="178"/>
      <c r="F73" s="178"/>
      <c r="G73" s="178"/>
      <c r="H73" s="178"/>
    </row>
    <row r="74" spans="2:8" s="224" customFormat="1">
      <c r="B74" s="172"/>
      <c r="C74" s="220"/>
      <c r="D74" s="178"/>
      <c r="E74" s="178"/>
      <c r="F74" s="178"/>
      <c r="G74" s="178"/>
      <c r="H74" s="178"/>
    </row>
    <row r="75" spans="2:8" s="224" customFormat="1">
      <c r="B75" s="172"/>
      <c r="C75" s="220"/>
      <c r="D75" s="178"/>
      <c r="E75" s="178"/>
      <c r="F75" s="178"/>
      <c r="G75" s="178"/>
      <c r="H75" s="178"/>
    </row>
    <row r="76" spans="2:8" s="224" customFormat="1">
      <c r="B76" s="172"/>
      <c r="C76" s="220"/>
      <c r="D76" s="178"/>
      <c r="E76" s="291"/>
      <c r="F76" s="178"/>
      <c r="G76" s="178"/>
      <c r="H76" s="178"/>
    </row>
    <row r="77" spans="2:8" s="224" customFormat="1">
      <c r="B77" s="172"/>
      <c r="C77" s="220"/>
      <c r="D77" s="178"/>
      <c r="E77" s="291"/>
      <c r="F77" s="178"/>
      <c r="G77" s="178"/>
      <c r="H77" s="178"/>
    </row>
    <row r="78" spans="2:8" s="224" customFormat="1">
      <c r="B78" s="172"/>
      <c r="C78" s="220"/>
      <c r="D78" s="178"/>
      <c r="E78" s="291"/>
      <c r="F78" s="178"/>
      <c r="G78" s="178"/>
      <c r="H78" s="178"/>
    </row>
    <row r="79" spans="2:8" s="224" customFormat="1">
      <c r="B79" s="172"/>
      <c r="C79" s="220"/>
      <c r="D79" s="178"/>
      <c r="E79" s="291"/>
      <c r="F79" s="178"/>
      <c r="G79" s="178"/>
      <c r="H79" s="178"/>
    </row>
    <row r="80" spans="2:8" s="224" customFormat="1">
      <c r="B80" s="172"/>
      <c r="C80" s="220"/>
      <c r="D80" s="178"/>
      <c r="E80" s="291"/>
      <c r="F80" s="178"/>
      <c r="G80" s="178"/>
      <c r="H80" s="178"/>
    </row>
  </sheetData>
  <mergeCells count="6">
    <mergeCell ref="B26:H26"/>
    <mergeCell ref="B7:H7"/>
    <mergeCell ref="B11:H11"/>
    <mergeCell ref="B13:H13"/>
    <mergeCell ref="B17:H17"/>
    <mergeCell ref="B23:H23"/>
  </mergeCells>
  <pageMargins left="0.7" right="0.7" top="0.75" bottom="0.75" header="0.3" footer="0.3"/>
  <pageSetup paperSize="9" scale="64" orientation="portrait"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40">
    <pageSetUpPr fitToPage="1"/>
  </sheetPr>
  <dimension ref="A1:L23"/>
  <sheetViews>
    <sheetView zoomScaleNormal="100" workbookViewId="0">
      <selection activeCell="B3" sqref="B3"/>
    </sheetView>
  </sheetViews>
  <sheetFormatPr defaultColWidth="9" defaultRowHeight="13"/>
  <cols>
    <col min="1" max="1" width="8.75" style="27" customWidth="1"/>
    <col min="2" max="2" width="51.75" style="45" customWidth="1"/>
    <col min="3" max="8" width="13.5" style="27" customWidth="1"/>
    <col min="9" max="256" width="9" style="27"/>
    <col min="257" max="257" width="7.58203125" style="27" customWidth="1"/>
    <col min="258" max="258" width="51.75" style="27" customWidth="1"/>
    <col min="259" max="264" width="13.5" style="27" customWidth="1"/>
    <col min="265" max="512" width="9" style="27"/>
    <col min="513" max="513" width="7.58203125" style="27" customWidth="1"/>
    <col min="514" max="514" width="51.75" style="27" customWidth="1"/>
    <col min="515" max="520" width="13.5" style="27" customWidth="1"/>
    <col min="521" max="768" width="9" style="27"/>
    <col min="769" max="769" width="7.58203125" style="27" customWidth="1"/>
    <col min="770" max="770" width="51.75" style="27" customWidth="1"/>
    <col min="771" max="776" width="13.5" style="27" customWidth="1"/>
    <col min="777" max="1024" width="9" style="27"/>
    <col min="1025" max="1025" width="7.58203125" style="27" customWidth="1"/>
    <col min="1026" max="1026" width="51.75" style="27" customWidth="1"/>
    <col min="1027" max="1032" width="13.5" style="27" customWidth="1"/>
    <col min="1033" max="1280" width="9" style="27"/>
    <col min="1281" max="1281" width="7.58203125" style="27" customWidth="1"/>
    <col min="1282" max="1282" width="51.75" style="27" customWidth="1"/>
    <col min="1283" max="1288" width="13.5" style="27" customWidth="1"/>
    <col min="1289" max="1536" width="9" style="27"/>
    <col min="1537" max="1537" width="7.58203125" style="27" customWidth="1"/>
    <col min="1538" max="1538" width="51.75" style="27" customWidth="1"/>
    <col min="1539" max="1544" width="13.5" style="27" customWidth="1"/>
    <col min="1545" max="1792" width="9" style="27"/>
    <col min="1793" max="1793" width="7.58203125" style="27" customWidth="1"/>
    <col min="1794" max="1794" width="51.75" style="27" customWidth="1"/>
    <col min="1795" max="1800" width="13.5" style="27" customWidth="1"/>
    <col min="1801" max="2048" width="9" style="27"/>
    <col min="2049" max="2049" width="7.58203125" style="27" customWidth="1"/>
    <col min="2050" max="2050" width="51.75" style="27" customWidth="1"/>
    <col min="2051" max="2056" width="13.5" style="27" customWidth="1"/>
    <col min="2057" max="2304" width="9" style="27"/>
    <col min="2305" max="2305" width="7.58203125" style="27" customWidth="1"/>
    <col min="2306" max="2306" width="51.75" style="27" customWidth="1"/>
    <col min="2307" max="2312" width="13.5" style="27" customWidth="1"/>
    <col min="2313" max="2560" width="9" style="27"/>
    <col min="2561" max="2561" width="7.58203125" style="27" customWidth="1"/>
    <col min="2562" max="2562" width="51.75" style="27" customWidth="1"/>
    <col min="2563" max="2568" width="13.5" style="27" customWidth="1"/>
    <col min="2569" max="2816" width="9" style="27"/>
    <col min="2817" max="2817" width="7.58203125" style="27" customWidth="1"/>
    <col min="2818" max="2818" width="51.75" style="27" customWidth="1"/>
    <col min="2819" max="2824" width="13.5" style="27" customWidth="1"/>
    <col min="2825" max="3072" width="9" style="27"/>
    <col min="3073" max="3073" width="7.58203125" style="27" customWidth="1"/>
    <col min="3074" max="3074" width="51.75" style="27" customWidth="1"/>
    <col min="3075" max="3080" width="13.5" style="27" customWidth="1"/>
    <col min="3081" max="3328" width="9" style="27"/>
    <col min="3329" max="3329" width="7.58203125" style="27" customWidth="1"/>
    <col min="3330" max="3330" width="51.75" style="27" customWidth="1"/>
    <col min="3331" max="3336" width="13.5" style="27" customWidth="1"/>
    <col min="3337" max="3584" width="9" style="27"/>
    <col min="3585" max="3585" width="7.58203125" style="27" customWidth="1"/>
    <col min="3586" max="3586" width="51.75" style="27" customWidth="1"/>
    <col min="3587" max="3592" width="13.5" style="27" customWidth="1"/>
    <col min="3593" max="3840" width="9" style="27"/>
    <col min="3841" max="3841" width="7.58203125" style="27" customWidth="1"/>
    <col min="3842" max="3842" width="51.75" style="27" customWidth="1"/>
    <col min="3843" max="3848" width="13.5" style="27" customWidth="1"/>
    <col min="3849" max="4096" width="9" style="27"/>
    <col min="4097" max="4097" width="7.58203125" style="27" customWidth="1"/>
    <col min="4098" max="4098" width="51.75" style="27" customWidth="1"/>
    <col min="4099" max="4104" width="13.5" style="27" customWidth="1"/>
    <col min="4105" max="4352" width="9" style="27"/>
    <col min="4353" max="4353" width="7.58203125" style="27" customWidth="1"/>
    <col min="4354" max="4354" width="51.75" style="27" customWidth="1"/>
    <col min="4355" max="4360" width="13.5" style="27" customWidth="1"/>
    <col min="4361" max="4608" width="9" style="27"/>
    <col min="4609" max="4609" width="7.58203125" style="27" customWidth="1"/>
    <col min="4610" max="4610" width="51.75" style="27" customWidth="1"/>
    <col min="4611" max="4616" width="13.5" style="27" customWidth="1"/>
    <col min="4617" max="4864" width="9" style="27"/>
    <col min="4865" max="4865" width="7.58203125" style="27" customWidth="1"/>
    <col min="4866" max="4866" width="51.75" style="27" customWidth="1"/>
    <col min="4867" max="4872" width="13.5" style="27" customWidth="1"/>
    <col min="4873" max="5120" width="9" style="27"/>
    <col min="5121" max="5121" width="7.58203125" style="27" customWidth="1"/>
    <col min="5122" max="5122" width="51.75" style="27" customWidth="1"/>
    <col min="5123" max="5128" width="13.5" style="27" customWidth="1"/>
    <col min="5129" max="5376" width="9" style="27"/>
    <col min="5377" max="5377" width="7.58203125" style="27" customWidth="1"/>
    <col min="5378" max="5378" width="51.75" style="27" customWidth="1"/>
    <col min="5379" max="5384" width="13.5" style="27" customWidth="1"/>
    <col min="5385" max="5632" width="9" style="27"/>
    <col min="5633" max="5633" width="7.58203125" style="27" customWidth="1"/>
    <col min="5634" max="5634" width="51.75" style="27" customWidth="1"/>
    <col min="5635" max="5640" width="13.5" style="27" customWidth="1"/>
    <col min="5641" max="5888" width="9" style="27"/>
    <col min="5889" max="5889" width="7.58203125" style="27" customWidth="1"/>
    <col min="5890" max="5890" width="51.75" style="27" customWidth="1"/>
    <col min="5891" max="5896" width="13.5" style="27" customWidth="1"/>
    <col min="5897" max="6144" width="9" style="27"/>
    <col min="6145" max="6145" width="7.58203125" style="27" customWidth="1"/>
    <col min="6146" max="6146" width="51.75" style="27" customWidth="1"/>
    <col min="6147" max="6152" width="13.5" style="27" customWidth="1"/>
    <col min="6153" max="6400" width="9" style="27"/>
    <col min="6401" max="6401" width="7.58203125" style="27" customWidth="1"/>
    <col min="6402" max="6402" width="51.75" style="27" customWidth="1"/>
    <col min="6403" max="6408" width="13.5" style="27" customWidth="1"/>
    <col min="6409" max="6656" width="9" style="27"/>
    <col min="6657" max="6657" width="7.58203125" style="27" customWidth="1"/>
    <col min="6658" max="6658" width="51.75" style="27" customWidth="1"/>
    <col min="6659" max="6664" width="13.5" style="27" customWidth="1"/>
    <col min="6665" max="6912" width="9" style="27"/>
    <col min="6913" max="6913" width="7.58203125" style="27" customWidth="1"/>
    <col min="6914" max="6914" width="51.75" style="27" customWidth="1"/>
    <col min="6915" max="6920" width="13.5" style="27" customWidth="1"/>
    <col min="6921" max="7168" width="9" style="27"/>
    <col min="7169" max="7169" width="7.58203125" style="27" customWidth="1"/>
    <col min="7170" max="7170" width="51.75" style="27" customWidth="1"/>
    <col min="7171" max="7176" width="13.5" style="27" customWidth="1"/>
    <col min="7177" max="7424" width="9" style="27"/>
    <col min="7425" max="7425" width="7.58203125" style="27" customWidth="1"/>
    <col min="7426" max="7426" width="51.75" style="27" customWidth="1"/>
    <col min="7427" max="7432" width="13.5" style="27" customWidth="1"/>
    <col min="7433" max="7680" width="9" style="27"/>
    <col min="7681" max="7681" width="7.58203125" style="27" customWidth="1"/>
    <col min="7682" max="7682" width="51.75" style="27" customWidth="1"/>
    <col min="7683" max="7688" width="13.5" style="27" customWidth="1"/>
    <col min="7689" max="7936" width="9" style="27"/>
    <col min="7937" max="7937" width="7.58203125" style="27" customWidth="1"/>
    <col min="7938" max="7938" width="51.75" style="27" customWidth="1"/>
    <col min="7939" max="7944" width="13.5" style="27" customWidth="1"/>
    <col min="7945" max="8192" width="9" style="27"/>
    <col min="8193" max="8193" width="7.58203125" style="27" customWidth="1"/>
    <col min="8194" max="8194" width="51.75" style="27" customWidth="1"/>
    <col min="8195" max="8200" width="13.5" style="27" customWidth="1"/>
    <col min="8201" max="8448" width="9" style="27"/>
    <col min="8449" max="8449" width="7.58203125" style="27" customWidth="1"/>
    <col min="8450" max="8450" width="51.75" style="27" customWidth="1"/>
    <col min="8451" max="8456" width="13.5" style="27" customWidth="1"/>
    <col min="8457" max="8704" width="9" style="27"/>
    <col min="8705" max="8705" width="7.58203125" style="27" customWidth="1"/>
    <col min="8706" max="8706" width="51.75" style="27" customWidth="1"/>
    <col min="8707" max="8712" width="13.5" style="27" customWidth="1"/>
    <col min="8713" max="8960" width="9" style="27"/>
    <col min="8961" max="8961" width="7.58203125" style="27" customWidth="1"/>
    <col min="8962" max="8962" width="51.75" style="27" customWidth="1"/>
    <col min="8963" max="8968" width="13.5" style="27" customWidth="1"/>
    <col min="8969" max="9216" width="9" style="27"/>
    <col min="9217" max="9217" width="7.58203125" style="27" customWidth="1"/>
    <col min="9218" max="9218" width="51.75" style="27" customWidth="1"/>
    <col min="9219" max="9224" width="13.5" style="27" customWidth="1"/>
    <col min="9225" max="9472" width="9" style="27"/>
    <col min="9473" max="9473" width="7.58203125" style="27" customWidth="1"/>
    <col min="9474" max="9474" width="51.75" style="27" customWidth="1"/>
    <col min="9475" max="9480" width="13.5" style="27" customWidth="1"/>
    <col min="9481" max="9728" width="9" style="27"/>
    <col min="9729" max="9729" width="7.58203125" style="27" customWidth="1"/>
    <col min="9730" max="9730" width="51.75" style="27" customWidth="1"/>
    <col min="9731" max="9736" width="13.5" style="27" customWidth="1"/>
    <col min="9737" max="9984" width="9" style="27"/>
    <col min="9985" max="9985" width="7.58203125" style="27" customWidth="1"/>
    <col min="9986" max="9986" width="51.75" style="27" customWidth="1"/>
    <col min="9987" max="9992" width="13.5" style="27" customWidth="1"/>
    <col min="9993" max="10240" width="9" style="27"/>
    <col min="10241" max="10241" width="7.58203125" style="27" customWidth="1"/>
    <col min="10242" max="10242" width="51.75" style="27" customWidth="1"/>
    <col min="10243" max="10248" width="13.5" style="27" customWidth="1"/>
    <col min="10249" max="10496" width="9" style="27"/>
    <col min="10497" max="10497" width="7.58203125" style="27" customWidth="1"/>
    <col min="10498" max="10498" width="51.75" style="27" customWidth="1"/>
    <col min="10499" max="10504" width="13.5" style="27" customWidth="1"/>
    <col min="10505" max="10752" width="9" style="27"/>
    <col min="10753" max="10753" width="7.58203125" style="27" customWidth="1"/>
    <col min="10754" max="10754" width="51.75" style="27" customWidth="1"/>
    <col min="10755" max="10760" width="13.5" style="27" customWidth="1"/>
    <col min="10761" max="11008" width="9" style="27"/>
    <col min="11009" max="11009" width="7.58203125" style="27" customWidth="1"/>
    <col min="11010" max="11010" width="51.75" style="27" customWidth="1"/>
    <col min="11011" max="11016" width="13.5" style="27" customWidth="1"/>
    <col min="11017" max="11264" width="9" style="27"/>
    <col min="11265" max="11265" width="7.58203125" style="27" customWidth="1"/>
    <col min="11266" max="11266" width="51.75" style="27" customWidth="1"/>
    <col min="11267" max="11272" width="13.5" style="27" customWidth="1"/>
    <col min="11273" max="11520" width="9" style="27"/>
    <col min="11521" max="11521" width="7.58203125" style="27" customWidth="1"/>
    <col min="11522" max="11522" width="51.75" style="27" customWidth="1"/>
    <col min="11523" max="11528" width="13.5" style="27" customWidth="1"/>
    <col min="11529" max="11776" width="9" style="27"/>
    <col min="11777" max="11777" width="7.58203125" style="27" customWidth="1"/>
    <col min="11778" max="11778" width="51.75" style="27" customWidth="1"/>
    <col min="11779" max="11784" width="13.5" style="27" customWidth="1"/>
    <col min="11785" max="12032" width="9" style="27"/>
    <col min="12033" max="12033" width="7.58203125" style="27" customWidth="1"/>
    <col min="12034" max="12034" width="51.75" style="27" customWidth="1"/>
    <col min="12035" max="12040" width="13.5" style="27" customWidth="1"/>
    <col min="12041" max="12288" width="9" style="27"/>
    <col min="12289" max="12289" width="7.58203125" style="27" customWidth="1"/>
    <col min="12290" max="12290" width="51.75" style="27" customWidth="1"/>
    <col min="12291" max="12296" width="13.5" style="27" customWidth="1"/>
    <col min="12297" max="12544" width="9" style="27"/>
    <col min="12545" max="12545" width="7.58203125" style="27" customWidth="1"/>
    <col min="12546" max="12546" width="51.75" style="27" customWidth="1"/>
    <col min="12547" max="12552" width="13.5" style="27" customWidth="1"/>
    <col min="12553" max="12800" width="9" style="27"/>
    <col min="12801" max="12801" width="7.58203125" style="27" customWidth="1"/>
    <col min="12802" max="12802" width="51.75" style="27" customWidth="1"/>
    <col min="12803" max="12808" width="13.5" style="27" customWidth="1"/>
    <col min="12809" max="13056" width="9" style="27"/>
    <col min="13057" max="13057" width="7.58203125" style="27" customWidth="1"/>
    <col min="13058" max="13058" width="51.75" style="27" customWidth="1"/>
    <col min="13059" max="13064" width="13.5" style="27" customWidth="1"/>
    <col min="13065" max="13312" width="9" style="27"/>
    <col min="13313" max="13313" width="7.58203125" style="27" customWidth="1"/>
    <col min="13314" max="13314" width="51.75" style="27" customWidth="1"/>
    <col min="13315" max="13320" width="13.5" style="27" customWidth="1"/>
    <col min="13321" max="13568" width="9" style="27"/>
    <col min="13569" max="13569" width="7.58203125" style="27" customWidth="1"/>
    <col min="13570" max="13570" width="51.75" style="27" customWidth="1"/>
    <col min="13571" max="13576" width="13.5" style="27" customWidth="1"/>
    <col min="13577" max="13824" width="9" style="27"/>
    <col min="13825" max="13825" width="7.58203125" style="27" customWidth="1"/>
    <col min="13826" max="13826" width="51.75" style="27" customWidth="1"/>
    <col min="13827" max="13832" width="13.5" style="27" customWidth="1"/>
    <col min="13833" max="14080" width="9" style="27"/>
    <col min="14081" max="14081" width="7.58203125" style="27" customWidth="1"/>
    <col min="14082" max="14082" width="51.75" style="27" customWidth="1"/>
    <col min="14083" max="14088" width="13.5" style="27" customWidth="1"/>
    <col min="14089" max="14336" width="9" style="27"/>
    <col min="14337" max="14337" width="7.58203125" style="27" customWidth="1"/>
    <col min="14338" max="14338" width="51.75" style="27" customWidth="1"/>
    <col min="14339" max="14344" width="13.5" style="27" customWidth="1"/>
    <col min="14345" max="14592" width="9" style="27"/>
    <col min="14593" max="14593" width="7.58203125" style="27" customWidth="1"/>
    <col min="14594" max="14594" width="51.75" style="27" customWidth="1"/>
    <col min="14595" max="14600" width="13.5" style="27" customWidth="1"/>
    <col min="14601" max="14848" width="9" style="27"/>
    <col min="14849" max="14849" width="7.58203125" style="27" customWidth="1"/>
    <col min="14850" max="14850" width="51.75" style="27" customWidth="1"/>
    <col min="14851" max="14856" width="13.5" style="27" customWidth="1"/>
    <col min="14857" max="15104" width="9" style="27"/>
    <col min="15105" max="15105" width="7.58203125" style="27" customWidth="1"/>
    <col min="15106" max="15106" width="51.75" style="27" customWidth="1"/>
    <col min="15107" max="15112" width="13.5" style="27" customWidth="1"/>
    <col min="15113" max="15360" width="9" style="27"/>
    <col min="15361" max="15361" width="7.58203125" style="27" customWidth="1"/>
    <col min="15362" max="15362" width="51.75" style="27" customWidth="1"/>
    <col min="15363" max="15368" width="13.5" style="27" customWidth="1"/>
    <col min="15369" max="15616" width="9" style="27"/>
    <col min="15617" max="15617" width="7.58203125" style="27" customWidth="1"/>
    <col min="15618" max="15618" width="51.75" style="27" customWidth="1"/>
    <col min="15619" max="15624" width="13.5" style="27" customWidth="1"/>
    <col min="15625" max="15872" width="9" style="27"/>
    <col min="15873" max="15873" width="7.58203125" style="27" customWidth="1"/>
    <col min="15874" max="15874" width="51.75" style="27" customWidth="1"/>
    <col min="15875" max="15880" width="13.5" style="27" customWidth="1"/>
    <col min="15881" max="16128" width="9" style="27"/>
    <col min="16129" max="16129" width="7.58203125" style="27" customWidth="1"/>
    <col min="16130" max="16130" width="51.75" style="27" customWidth="1"/>
    <col min="16131" max="16136" width="13.5" style="27" customWidth="1"/>
    <col min="16137" max="16384" width="9" style="27"/>
  </cols>
  <sheetData>
    <row r="1" spans="1:12" s="29" customFormat="1">
      <c r="A1" s="652" t="s">
        <v>685</v>
      </c>
      <c r="B1" s="652"/>
      <c r="C1" s="6"/>
    </row>
    <row r="2" spans="1:12" s="29" customFormat="1">
      <c r="F2" s="533"/>
      <c r="I2" s="35"/>
      <c r="J2" s="35"/>
      <c r="K2" s="35"/>
      <c r="L2" s="35"/>
    </row>
    <row r="3" spans="1:12" s="29" customFormat="1">
      <c r="B3" s="46" t="s">
        <v>236</v>
      </c>
      <c r="F3" s="307"/>
      <c r="H3" s="269"/>
      <c r="I3" s="35"/>
      <c r="J3" s="35"/>
      <c r="K3" s="35"/>
      <c r="L3" s="35"/>
    </row>
    <row r="4" spans="1:12" s="29" customFormat="1">
      <c r="B4" s="34"/>
      <c r="I4" s="35"/>
      <c r="J4" s="35"/>
      <c r="K4" s="35"/>
      <c r="L4" s="35"/>
    </row>
    <row r="5" spans="1:12">
      <c r="B5" s="37"/>
      <c r="C5" s="165" t="s">
        <v>2</v>
      </c>
      <c r="D5" s="165" t="s">
        <v>3</v>
      </c>
      <c r="E5" s="165" t="s">
        <v>9</v>
      </c>
      <c r="F5" s="165" t="s">
        <v>10</v>
      </c>
      <c r="G5" s="165" t="s">
        <v>11</v>
      </c>
      <c r="H5" s="165" t="s">
        <v>418</v>
      </c>
      <c r="I5" s="35"/>
      <c r="J5" s="35"/>
      <c r="K5" s="35"/>
      <c r="L5" s="35"/>
    </row>
    <row r="6" spans="1:12" ht="52">
      <c r="A6" s="29"/>
      <c r="B6" s="38" t="s">
        <v>693</v>
      </c>
      <c r="C6" s="39" t="s">
        <v>84</v>
      </c>
      <c r="D6" s="39" t="s">
        <v>32</v>
      </c>
      <c r="E6" s="39" t="s">
        <v>188</v>
      </c>
      <c r="F6" s="39" t="s">
        <v>86</v>
      </c>
      <c r="G6" s="39" t="s">
        <v>131</v>
      </c>
      <c r="H6" s="39" t="s">
        <v>445</v>
      </c>
      <c r="I6" s="35"/>
      <c r="J6" s="35"/>
      <c r="K6" s="35"/>
      <c r="L6" s="35"/>
    </row>
    <row r="7" spans="1:12" s="29" customFormat="1">
      <c r="A7" s="166">
        <v>1</v>
      </c>
      <c r="B7" s="40" t="s">
        <v>85</v>
      </c>
      <c r="C7" s="193">
        <v>5216</v>
      </c>
      <c r="D7" s="193">
        <v>16678</v>
      </c>
      <c r="E7" s="41"/>
      <c r="F7" s="41"/>
      <c r="G7" s="41">
        <v>21894</v>
      </c>
      <c r="H7" s="41">
        <v>2507</v>
      </c>
      <c r="I7" s="35"/>
      <c r="J7" s="35"/>
      <c r="K7" s="35"/>
      <c r="L7" s="35"/>
    </row>
    <row r="8" spans="1:12" s="29" customFormat="1">
      <c r="A8" s="166">
        <v>4</v>
      </c>
      <c r="B8" s="40" t="s">
        <v>31</v>
      </c>
      <c r="C8" s="43"/>
      <c r="D8" s="43"/>
      <c r="E8" s="44">
        <v>85335.71428571429</v>
      </c>
      <c r="F8" s="740">
        <v>1.4</v>
      </c>
      <c r="G8" s="44">
        <v>119470</v>
      </c>
      <c r="H8" s="44">
        <v>15882</v>
      </c>
      <c r="I8" s="35"/>
      <c r="J8" s="35"/>
      <c r="K8" s="35"/>
      <c r="L8" s="35"/>
    </row>
    <row r="9" spans="1:12" s="29" customFormat="1">
      <c r="A9" s="166">
        <v>5</v>
      </c>
      <c r="B9" s="40" t="s">
        <v>189</v>
      </c>
      <c r="C9" s="43"/>
      <c r="D9" s="43"/>
      <c r="E9" s="44">
        <v>25728.571428571431</v>
      </c>
      <c r="F9" s="740">
        <v>1.4</v>
      </c>
      <c r="G9" s="41">
        <v>36020</v>
      </c>
      <c r="H9" s="41">
        <v>37</v>
      </c>
      <c r="I9" s="35"/>
      <c r="J9" s="35"/>
      <c r="K9" s="35"/>
      <c r="L9" s="35"/>
    </row>
    <row r="10" spans="1:12" s="29" customFormat="1">
      <c r="A10" s="166">
        <v>6</v>
      </c>
      <c r="B10" s="40" t="s">
        <v>190</v>
      </c>
      <c r="C10" s="43"/>
      <c r="D10" s="43"/>
      <c r="E10" s="44">
        <v>59607.142857142862</v>
      </c>
      <c r="F10" s="740">
        <v>1.4</v>
      </c>
      <c r="G10" s="41">
        <v>83450</v>
      </c>
      <c r="H10" s="41">
        <v>15845</v>
      </c>
      <c r="I10" s="35"/>
      <c r="J10" s="35"/>
      <c r="K10" s="35"/>
      <c r="L10" s="35"/>
    </row>
    <row r="11" spans="1:12" s="29" customFormat="1">
      <c r="A11" s="166">
        <v>9</v>
      </c>
      <c r="B11" s="30" t="s">
        <v>87</v>
      </c>
      <c r="C11" s="190"/>
      <c r="D11" s="190"/>
      <c r="E11" s="190"/>
      <c r="F11" s="191"/>
      <c r="G11" s="31">
        <v>31886</v>
      </c>
      <c r="H11" s="391">
        <v>2577</v>
      </c>
      <c r="I11" s="35"/>
      <c r="J11" s="35"/>
      <c r="K11" s="35"/>
      <c r="L11" s="35"/>
    </row>
    <row r="12" spans="1:12" s="29" customFormat="1">
      <c r="A12" s="166">
        <v>11</v>
      </c>
      <c r="B12" s="32" t="s">
        <v>13</v>
      </c>
      <c r="C12" s="42"/>
      <c r="D12" s="42"/>
      <c r="E12" s="42"/>
      <c r="F12" s="42"/>
      <c r="G12" s="42"/>
      <c r="H12" s="33">
        <v>20966</v>
      </c>
      <c r="I12" s="35"/>
      <c r="J12" s="35"/>
      <c r="K12" s="35"/>
      <c r="L12" s="35"/>
    </row>
    <row r="13" spans="1:12" s="29" customFormat="1">
      <c r="B13" s="34"/>
      <c r="I13" s="35"/>
      <c r="J13" s="35"/>
      <c r="K13" s="35"/>
      <c r="L13" s="35"/>
    </row>
    <row r="14" spans="1:12">
      <c r="B14" s="37"/>
      <c r="C14" s="165" t="s">
        <v>2</v>
      </c>
      <c r="D14" s="165" t="s">
        <v>3</v>
      </c>
      <c r="E14" s="165" t="s">
        <v>9</v>
      </c>
      <c r="F14" s="165" t="s">
        <v>10</v>
      </c>
      <c r="G14" s="165" t="s">
        <v>11</v>
      </c>
      <c r="H14" s="165" t="s">
        <v>418</v>
      </c>
      <c r="I14" s="35"/>
      <c r="J14" s="35"/>
      <c r="K14" s="35"/>
      <c r="L14" s="35"/>
    </row>
    <row r="15" spans="1:12" ht="52">
      <c r="A15" s="29"/>
      <c r="B15" s="38" t="s">
        <v>694</v>
      </c>
      <c r="C15" s="39" t="s">
        <v>84</v>
      </c>
      <c r="D15" s="39" t="s">
        <v>32</v>
      </c>
      <c r="E15" s="39" t="s">
        <v>188</v>
      </c>
      <c r="F15" s="39" t="s">
        <v>86</v>
      </c>
      <c r="G15" s="39" t="s">
        <v>131</v>
      </c>
      <c r="H15" s="39" t="s">
        <v>445</v>
      </c>
      <c r="I15" s="35"/>
      <c r="J15" s="35"/>
      <c r="K15" s="35"/>
      <c r="L15" s="35"/>
    </row>
    <row r="16" spans="1:12" s="29" customFormat="1">
      <c r="A16" s="166">
        <v>1</v>
      </c>
      <c r="B16" s="40" t="s">
        <v>85</v>
      </c>
      <c r="C16" s="500">
        <v>10344</v>
      </c>
      <c r="D16" s="500">
        <v>18142</v>
      </c>
      <c r="E16" s="527"/>
      <c r="F16" s="527"/>
      <c r="G16" s="500">
        <v>28486</v>
      </c>
      <c r="H16" s="500">
        <v>3891</v>
      </c>
      <c r="I16" s="27"/>
      <c r="J16" s="35"/>
      <c r="K16" s="35"/>
    </row>
    <row r="17" spans="1:11" s="29" customFormat="1">
      <c r="A17" s="166">
        <v>4</v>
      </c>
      <c r="B17" s="40" t="s">
        <v>31</v>
      </c>
      <c r="C17" s="528"/>
      <c r="D17" s="528"/>
      <c r="E17" s="529">
        <v>82451</v>
      </c>
      <c r="F17" s="741">
        <v>1.5</v>
      </c>
      <c r="G17" s="529">
        <v>123676</v>
      </c>
      <c r="H17" s="529">
        <v>19302</v>
      </c>
      <c r="I17" s="27"/>
      <c r="J17" s="35"/>
      <c r="K17" s="35"/>
    </row>
    <row r="18" spans="1:11" s="29" customFormat="1">
      <c r="A18" s="166">
        <v>5</v>
      </c>
      <c r="B18" s="40" t="s">
        <v>189</v>
      </c>
      <c r="C18" s="528"/>
      <c r="D18" s="528"/>
      <c r="E18" s="529">
        <v>18306</v>
      </c>
      <c r="F18" s="741">
        <v>1.5</v>
      </c>
      <c r="G18" s="500">
        <v>27459</v>
      </c>
      <c r="H18" s="500">
        <v>36</v>
      </c>
      <c r="I18" s="27"/>
      <c r="J18" s="35"/>
      <c r="K18" s="35"/>
    </row>
    <row r="19" spans="1:11" s="29" customFormat="1">
      <c r="A19" s="166">
        <v>6</v>
      </c>
      <c r="B19" s="40" t="s">
        <v>190</v>
      </c>
      <c r="C19" s="528"/>
      <c r="D19" s="528"/>
      <c r="E19" s="529">
        <v>64145</v>
      </c>
      <c r="F19" s="741">
        <v>1.5</v>
      </c>
      <c r="G19" s="500">
        <v>96218</v>
      </c>
      <c r="H19" s="500">
        <v>19265</v>
      </c>
      <c r="I19" s="198"/>
      <c r="J19" s="35"/>
      <c r="K19" s="35"/>
    </row>
    <row r="20" spans="1:11" s="29" customFormat="1">
      <c r="A20" s="166">
        <v>9</v>
      </c>
      <c r="B20" s="30" t="s">
        <v>87</v>
      </c>
      <c r="C20" s="530"/>
      <c r="D20" s="530"/>
      <c r="E20" s="530"/>
      <c r="F20" s="531"/>
      <c r="G20" s="507">
        <v>26132</v>
      </c>
      <c r="H20" s="532">
        <v>2495</v>
      </c>
      <c r="I20" s="27"/>
      <c r="J20" s="35"/>
      <c r="K20" s="35"/>
    </row>
    <row r="21" spans="1:11" s="29" customFormat="1">
      <c r="A21" s="166">
        <v>11</v>
      </c>
      <c r="B21" s="32" t="s">
        <v>13</v>
      </c>
      <c r="C21" s="527"/>
      <c r="D21" s="527"/>
      <c r="E21" s="527"/>
      <c r="F21" s="527"/>
      <c r="G21" s="527"/>
      <c r="H21" s="510">
        <v>25688</v>
      </c>
      <c r="I21" s="27"/>
      <c r="J21" s="35"/>
      <c r="K21" s="35"/>
    </row>
    <row r="22" spans="1:11" s="29" customFormat="1">
      <c r="B22" s="34"/>
      <c r="I22" s="27"/>
    </row>
    <row r="23" spans="1:11" s="29" customFormat="1">
      <c r="B23" s="34"/>
    </row>
  </sheetData>
  <pageMargins left="0.70866141732283472" right="0.70866141732283472" top="0.74803149606299213" bottom="0.74803149606299213" header="0.31496062992125984" footer="0.31496062992125984"/>
  <pageSetup paperSize="9" scale="87" orientation="landscape"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42">
    <pageSetUpPr fitToPage="1"/>
  </sheetPr>
  <dimension ref="A1:G50"/>
  <sheetViews>
    <sheetView zoomScaleNormal="100" workbookViewId="0">
      <selection activeCell="B3" sqref="B3"/>
    </sheetView>
  </sheetViews>
  <sheetFormatPr defaultColWidth="9" defaultRowHeight="13"/>
  <cols>
    <col min="1" max="1" width="6.83203125" style="27" customWidth="1"/>
    <col min="2" max="2" width="45.58203125" style="45" customWidth="1"/>
    <col min="3" max="4" width="12.58203125" style="27" customWidth="1"/>
    <col min="5" max="5" width="1.83203125" style="27" customWidth="1"/>
    <col min="6" max="7" width="12.58203125" style="27" customWidth="1"/>
    <col min="8" max="251" width="9" style="27"/>
    <col min="252" max="252" width="7.58203125" style="27" customWidth="1"/>
    <col min="253" max="253" width="45.58203125" style="27" customWidth="1"/>
    <col min="254" max="255" width="12.58203125" style="27" customWidth="1"/>
    <col min="256" max="256" width="1.83203125" style="27" customWidth="1"/>
    <col min="257" max="258" width="12.58203125" style="27" customWidth="1"/>
    <col min="259" max="507" width="9" style="27"/>
    <col min="508" max="508" width="7.58203125" style="27" customWidth="1"/>
    <col min="509" max="509" width="45.58203125" style="27" customWidth="1"/>
    <col min="510" max="511" width="12.58203125" style="27" customWidth="1"/>
    <col min="512" max="512" width="1.83203125" style="27" customWidth="1"/>
    <col min="513" max="514" width="12.58203125" style="27" customWidth="1"/>
    <col min="515" max="763" width="9" style="27"/>
    <col min="764" max="764" width="7.58203125" style="27" customWidth="1"/>
    <col min="765" max="765" width="45.58203125" style="27" customWidth="1"/>
    <col min="766" max="767" width="12.58203125" style="27" customWidth="1"/>
    <col min="768" max="768" width="1.83203125" style="27" customWidth="1"/>
    <col min="769" max="770" width="12.58203125" style="27" customWidth="1"/>
    <col min="771" max="1019" width="9" style="27"/>
    <col min="1020" max="1020" width="7.58203125" style="27" customWidth="1"/>
    <col min="1021" max="1021" width="45.58203125" style="27" customWidth="1"/>
    <col min="1022" max="1023" width="12.58203125" style="27" customWidth="1"/>
    <col min="1024" max="1024" width="1.83203125" style="27" customWidth="1"/>
    <col min="1025" max="1026" width="12.58203125" style="27" customWidth="1"/>
    <col min="1027" max="1275" width="9" style="27"/>
    <col min="1276" max="1276" width="7.58203125" style="27" customWidth="1"/>
    <col min="1277" max="1277" width="45.58203125" style="27" customWidth="1"/>
    <col min="1278" max="1279" width="12.58203125" style="27" customWidth="1"/>
    <col min="1280" max="1280" width="1.83203125" style="27" customWidth="1"/>
    <col min="1281" max="1282" width="12.58203125" style="27" customWidth="1"/>
    <col min="1283" max="1531" width="9" style="27"/>
    <col min="1532" max="1532" width="7.58203125" style="27" customWidth="1"/>
    <col min="1533" max="1533" width="45.58203125" style="27" customWidth="1"/>
    <col min="1534" max="1535" width="12.58203125" style="27" customWidth="1"/>
    <col min="1536" max="1536" width="1.83203125" style="27" customWidth="1"/>
    <col min="1537" max="1538" width="12.58203125" style="27" customWidth="1"/>
    <col min="1539" max="1787" width="9" style="27"/>
    <col min="1788" max="1788" width="7.58203125" style="27" customWidth="1"/>
    <col min="1789" max="1789" width="45.58203125" style="27" customWidth="1"/>
    <col min="1790" max="1791" width="12.58203125" style="27" customWidth="1"/>
    <col min="1792" max="1792" width="1.83203125" style="27" customWidth="1"/>
    <col min="1793" max="1794" width="12.58203125" style="27" customWidth="1"/>
    <col min="1795" max="2043" width="9" style="27"/>
    <col min="2044" max="2044" width="7.58203125" style="27" customWidth="1"/>
    <col min="2045" max="2045" width="45.58203125" style="27" customWidth="1"/>
    <col min="2046" max="2047" width="12.58203125" style="27" customWidth="1"/>
    <col min="2048" max="2048" width="1.83203125" style="27" customWidth="1"/>
    <col min="2049" max="2050" width="12.58203125" style="27" customWidth="1"/>
    <col min="2051" max="2299" width="9" style="27"/>
    <col min="2300" max="2300" width="7.58203125" style="27" customWidth="1"/>
    <col min="2301" max="2301" width="45.58203125" style="27" customWidth="1"/>
    <col min="2302" max="2303" width="12.58203125" style="27" customWidth="1"/>
    <col min="2304" max="2304" width="1.83203125" style="27" customWidth="1"/>
    <col min="2305" max="2306" width="12.58203125" style="27" customWidth="1"/>
    <col min="2307" max="2555" width="9" style="27"/>
    <col min="2556" max="2556" width="7.58203125" style="27" customWidth="1"/>
    <col min="2557" max="2557" width="45.58203125" style="27" customWidth="1"/>
    <col min="2558" max="2559" width="12.58203125" style="27" customWidth="1"/>
    <col min="2560" max="2560" width="1.83203125" style="27" customWidth="1"/>
    <col min="2561" max="2562" width="12.58203125" style="27" customWidth="1"/>
    <col min="2563" max="2811" width="9" style="27"/>
    <col min="2812" max="2812" width="7.58203125" style="27" customWidth="1"/>
    <col min="2813" max="2813" width="45.58203125" style="27" customWidth="1"/>
    <col min="2814" max="2815" width="12.58203125" style="27" customWidth="1"/>
    <col min="2816" max="2816" width="1.83203125" style="27" customWidth="1"/>
    <col min="2817" max="2818" width="12.58203125" style="27" customWidth="1"/>
    <col min="2819" max="3067" width="9" style="27"/>
    <col min="3068" max="3068" width="7.58203125" style="27" customWidth="1"/>
    <col min="3069" max="3069" width="45.58203125" style="27" customWidth="1"/>
    <col min="3070" max="3071" width="12.58203125" style="27" customWidth="1"/>
    <col min="3072" max="3072" width="1.83203125" style="27" customWidth="1"/>
    <col min="3073" max="3074" width="12.58203125" style="27" customWidth="1"/>
    <col min="3075" max="3323" width="9" style="27"/>
    <col min="3324" max="3324" width="7.58203125" style="27" customWidth="1"/>
    <col min="3325" max="3325" width="45.58203125" style="27" customWidth="1"/>
    <col min="3326" max="3327" width="12.58203125" style="27" customWidth="1"/>
    <col min="3328" max="3328" width="1.83203125" style="27" customWidth="1"/>
    <col min="3329" max="3330" width="12.58203125" style="27" customWidth="1"/>
    <col min="3331" max="3579" width="9" style="27"/>
    <col min="3580" max="3580" width="7.58203125" style="27" customWidth="1"/>
    <col min="3581" max="3581" width="45.58203125" style="27" customWidth="1"/>
    <col min="3582" max="3583" width="12.58203125" style="27" customWidth="1"/>
    <col min="3584" max="3584" width="1.83203125" style="27" customWidth="1"/>
    <col min="3585" max="3586" width="12.58203125" style="27" customWidth="1"/>
    <col min="3587" max="3835" width="9" style="27"/>
    <col min="3836" max="3836" width="7.58203125" style="27" customWidth="1"/>
    <col min="3837" max="3837" width="45.58203125" style="27" customWidth="1"/>
    <col min="3838" max="3839" width="12.58203125" style="27" customWidth="1"/>
    <col min="3840" max="3840" width="1.83203125" style="27" customWidth="1"/>
    <col min="3841" max="3842" width="12.58203125" style="27" customWidth="1"/>
    <col min="3843" max="4091" width="9" style="27"/>
    <col min="4092" max="4092" width="7.58203125" style="27" customWidth="1"/>
    <col min="4093" max="4093" width="45.58203125" style="27" customWidth="1"/>
    <col min="4094" max="4095" width="12.58203125" style="27" customWidth="1"/>
    <col min="4096" max="4096" width="1.83203125" style="27" customWidth="1"/>
    <col min="4097" max="4098" width="12.58203125" style="27" customWidth="1"/>
    <col min="4099" max="4347" width="9" style="27"/>
    <col min="4348" max="4348" width="7.58203125" style="27" customWidth="1"/>
    <col min="4349" max="4349" width="45.58203125" style="27" customWidth="1"/>
    <col min="4350" max="4351" width="12.58203125" style="27" customWidth="1"/>
    <col min="4352" max="4352" width="1.83203125" style="27" customWidth="1"/>
    <col min="4353" max="4354" width="12.58203125" style="27" customWidth="1"/>
    <col min="4355" max="4603" width="9" style="27"/>
    <col min="4604" max="4604" width="7.58203125" style="27" customWidth="1"/>
    <col min="4605" max="4605" width="45.58203125" style="27" customWidth="1"/>
    <col min="4606" max="4607" width="12.58203125" style="27" customWidth="1"/>
    <col min="4608" max="4608" width="1.83203125" style="27" customWidth="1"/>
    <col min="4609" max="4610" width="12.58203125" style="27" customWidth="1"/>
    <col min="4611" max="4859" width="9" style="27"/>
    <col min="4860" max="4860" width="7.58203125" style="27" customWidth="1"/>
    <col min="4861" max="4861" width="45.58203125" style="27" customWidth="1"/>
    <col min="4862" max="4863" width="12.58203125" style="27" customWidth="1"/>
    <col min="4864" max="4864" width="1.83203125" style="27" customWidth="1"/>
    <col min="4865" max="4866" width="12.58203125" style="27" customWidth="1"/>
    <col min="4867" max="5115" width="9" style="27"/>
    <col min="5116" max="5116" width="7.58203125" style="27" customWidth="1"/>
    <col min="5117" max="5117" width="45.58203125" style="27" customWidth="1"/>
    <col min="5118" max="5119" width="12.58203125" style="27" customWidth="1"/>
    <col min="5120" max="5120" width="1.83203125" style="27" customWidth="1"/>
    <col min="5121" max="5122" width="12.58203125" style="27" customWidth="1"/>
    <col min="5123" max="5371" width="9" style="27"/>
    <col min="5372" max="5372" width="7.58203125" style="27" customWidth="1"/>
    <col min="5373" max="5373" width="45.58203125" style="27" customWidth="1"/>
    <col min="5374" max="5375" width="12.58203125" style="27" customWidth="1"/>
    <col min="5376" max="5376" width="1.83203125" style="27" customWidth="1"/>
    <col min="5377" max="5378" width="12.58203125" style="27" customWidth="1"/>
    <col min="5379" max="5627" width="9" style="27"/>
    <col min="5628" max="5628" width="7.58203125" style="27" customWidth="1"/>
    <col min="5629" max="5629" width="45.58203125" style="27" customWidth="1"/>
    <col min="5630" max="5631" width="12.58203125" style="27" customWidth="1"/>
    <col min="5632" max="5632" width="1.83203125" style="27" customWidth="1"/>
    <col min="5633" max="5634" width="12.58203125" style="27" customWidth="1"/>
    <col min="5635" max="5883" width="9" style="27"/>
    <col min="5884" max="5884" width="7.58203125" style="27" customWidth="1"/>
    <col min="5885" max="5885" width="45.58203125" style="27" customWidth="1"/>
    <col min="5886" max="5887" width="12.58203125" style="27" customWidth="1"/>
    <col min="5888" max="5888" width="1.83203125" style="27" customWidth="1"/>
    <col min="5889" max="5890" width="12.58203125" style="27" customWidth="1"/>
    <col min="5891" max="6139" width="9" style="27"/>
    <col min="6140" max="6140" width="7.58203125" style="27" customWidth="1"/>
    <col min="6141" max="6141" width="45.58203125" style="27" customWidth="1"/>
    <col min="6142" max="6143" width="12.58203125" style="27" customWidth="1"/>
    <col min="6144" max="6144" width="1.83203125" style="27" customWidth="1"/>
    <col min="6145" max="6146" width="12.58203125" style="27" customWidth="1"/>
    <col min="6147" max="6395" width="9" style="27"/>
    <col min="6396" max="6396" width="7.58203125" style="27" customWidth="1"/>
    <col min="6397" max="6397" width="45.58203125" style="27" customWidth="1"/>
    <col min="6398" max="6399" width="12.58203125" style="27" customWidth="1"/>
    <col min="6400" max="6400" width="1.83203125" style="27" customWidth="1"/>
    <col min="6401" max="6402" width="12.58203125" style="27" customWidth="1"/>
    <col min="6403" max="6651" width="9" style="27"/>
    <col min="6652" max="6652" width="7.58203125" style="27" customWidth="1"/>
    <col min="6653" max="6653" width="45.58203125" style="27" customWidth="1"/>
    <col min="6654" max="6655" width="12.58203125" style="27" customWidth="1"/>
    <col min="6656" max="6656" width="1.83203125" style="27" customWidth="1"/>
    <col min="6657" max="6658" width="12.58203125" style="27" customWidth="1"/>
    <col min="6659" max="6907" width="9" style="27"/>
    <col min="6908" max="6908" width="7.58203125" style="27" customWidth="1"/>
    <col min="6909" max="6909" width="45.58203125" style="27" customWidth="1"/>
    <col min="6910" max="6911" width="12.58203125" style="27" customWidth="1"/>
    <col min="6912" max="6912" width="1.83203125" style="27" customWidth="1"/>
    <col min="6913" max="6914" width="12.58203125" style="27" customWidth="1"/>
    <col min="6915" max="7163" width="9" style="27"/>
    <col min="7164" max="7164" width="7.58203125" style="27" customWidth="1"/>
    <col min="7165" max="7165" width="45.58203125" style="27" customWidth="1"/>
    <col min="7166" max="7167" width="12.58203125" style="27" customWidth="1"/>
    <col min="7168" max="7168" width="1.83203125" style="27" customWidth="1"/>
    <col min="7169" max="7170" width="12.58203125" style="27" customWidth="1"/>
    <col min="7171" max="7419" width="9" style="27"/>
    <col min="7420" max="7420" width="7.58203125" style="27" customWidth="1"/>
    <col min="7421" max="7421" width="45.58203125" style="27" customWidth="1"/>
    <col min="7422" max="7423" width="12.58203125" style="27" customWidth="1"/>
    <col min="7424" max="7424" width="1.83203125" style="27" customWidth="1"/>
    <col min="7425" max="7426" width="12.58203125" style="27" customWidth="1"/>
    <col min="7427" max="7675" width="9" style="27"/>
    <col min="7676" max="7676" width="7.58203125" style="27" customWidth="1"/>
    <col min="7677" max="7677" width="45.58203125" style="27" customWidth="1"/>
    <col min="7678" max="7679" width="12.58203125" style="27" customWidth="1"/>
    <col min="7680" max="7680" width="1.83203125" style="27" customWidth="1"/>
    <col min="7681" max="7682" width="12.58203125" style="27" customWidth="1"/>
    <col min="7683" max="7931" width="9" style="27"/>
    <col min="7932" max="7932" width="7.58203125" style="27" customWidth="1"/>
    <col min="7933" max="7933" width="45.58203125" style="27" customWidth="1"/>
    <col min="7934" max="7935" width="12.58203125" style="27" customWidth="1"/>
    <col min="7936" max="7936" width="1.83203125" style="27" customWidth="1"/>
    <col min="7937" max="7938" width="12.58203125" style="27" customWidth="1"/>
    <col min="7939" max="8187" width="9" style="27"/>
    <col min="8188" max="8188" width="7.58203125" style="27" customWidth="1"/>
    <col min="8189" max="8189" width="45.58203125" style="27" customWidth="1"/>
    <col min="8190" max="8191" width="12.58203125" style="27" customWidth="1"/>
    <col min="8192" max="8192" width="1.83203125" style="27" customWidth="1"/>
    <col min="8193" max="8194" width="12.58203125" style="27" customWidth="1"/>
    <col min="8195" max="8443" width="9" style="27"/>
    <col min="8444" max="8444" width="7.58203125" style="27" customWidth="1"/>
    <col min="8445" max="8445" width="45.58203125" style="27" customWidth="1"/>
    <col min="8446" max="8447" width="12.58203125" style="27" customWidth="1"/>
    <col min="8448" max="8448" width="1.83203125" style="27" customWidth="1"/>
    <col min="8449" max="8450" width="12.58203125" style="27" customWidth="1"/>
    <col min="8451" max="8699" width="9" style="27"/>
    <col min="8700" max="8700" width="7.58203125" style="27" customWidth="1"/>
    <col min="8701" max="8701" width="45.58203125" style="27" customWidth="1"/>
    <col min="8702" max="8703" width="12.58203125" style="27" customWidth="1"/>
    <col min="8704" max="8704" width="1.83203125" style="27" customWidth="1"/>
    <col min="8705" max="8706" width="12.58203125" style="27" customWidth="1"/>
    <col min="8707" max="8955" width="9" style="27"/>
    <col min="8956" max="8956" width="7.58203125" style="27" customWidth="1"/>
    <col min="8957" max="8957" width="45.58203125" style="27" customWidth="1"/>
    <col min="8958" max="8959" width="12.58203125" style="27" customWidth="1"/>
    <col min="8960" max="8960" width="1.83203125" style="27" customWidth="1"/>
    <col min="8961" max="8962" width="12.58203125" style="27" customWidth="1"/>
    <col min="8963" max="9211" width="9" style="27"/>
    <col min="9212" max="9212" width="7.58203125" style="27" customWidth="1"/>
    <col min="9213" max="9213" width="45.58203125" style="27" customWidth="1"/>
    <col min="9214" max="9215" width="12.58203125" style="27" customWidth="1"/>
    <col min="9216" max="9216" width="1.83203125" style="27" customWidth="1"/>
    <col min="9217" max="9218" width="12.58203125" style="27" customWidth="1"/>
    <col min="9219" max="9467" width="9" style="27"/>
    <col min="9468" max="9468" width="7.58203125" style="27" customWidth="1"/>
    <col min="9469" max="9469" width="45.58203125" style="27" customWidth="1"/>
    <col min="9470" max="9471" width="12.58203125" style="27" customWidth="1"/>
    <col min="9472" max="9472" width="1.83203125" style="27" customWidth="1"/>
    <col min="9473" max="9474" width="12.58203125" style="27" customWidth="1"/>
    <col min="9475" max="9723" width="9" style="27"/>
    <col min="9724" max="9724" width="7.58203125" style="27" customWidth="1"/>
    <col min="9725" max="9725" width="45.58203125" style="27" customWidth="1"/>
    <col min="9726" max="9727" width="12.58203125" style="27" customWidth="1"/>
    <col min="9728" max="9728" width="1.83203125" style="27" customWidth="1"/>
    <col min="9729" max="9730" width="12.58203125" style="27" customWidth="1"/>
    <col min="9731" max="9979" width="9" style="27"/>
    <col min="9980" max="9980" width="7.58203125" style="27" customWidth="1"/>
    <col min="9981" max="9981" width="45.58203125" style="27" customWidth="1"/>
    <col min="9982" max="9983" width="12.58203125" style="27" customWidth="1"/>
    <col min="9984" max="9984" width="1.83203125" style="27" customWidth="1"/>
    <col min="9985" max="9986" width="12.58203125" style="27" customWidth="1"/>
    <col min="9987" max="10235" width="9" style="27"/>
    <col min="10236" max="10236" width="7.58203125" style="27" customWidth="1"/>
    <col min="10237" max="10237" width="45.58203125" style="27" customWidth="1"/>
    <col min="10238" max="10239" width="12.58203125" style="27" customWidth="1"/>
    <col min="10240" max="10240" width="1.83203125" style="27" customWidth="1"/>
    <col min="10241" max="10242" width="12.58203125" style="27" customWidth="1"/>
    <col min="10243" max="10491" width="9" style="27"/>
    <col min="10492" max="10492" width="7.58203125" style="27" customWidth="1"/>
    <col min="10493" max="10493" width="45.58203125" style="27" customWidth="1"/>
    <col min="10494" max="10495" width="12.58203125" style="27" customWidth="1"/>
    <col min="10496" max="10496" width="1.83203125" style="27" customWidth="1"/>
    <col min="10497" max="10498" width="12.58203125" style="27" customWidth="1"/>
    <col min="10499" max="10747" width="9" style="27"/>
    <col min="10748" max="10748" width="7.58203125" style="27" customWidth="1"/>
    <col min="10749" max="10749" width="45.58203125" style="27" customWidth="1"/>
    <col min="10750" max="10751" width="12.58203125" style="27" customWidth="1"/>
    <col min="10752" max="10752" width="1.83203125" style="27" customWidth="1"/>
    <col min="10753" max="10754" width="12.58203125" style="27" customWidth="1"/>
    <col min="10755" max="11003" width="9" style="27"/>
    <col min="11004" max="11004" width="7.58203125" style="27" customWidth="1"/>
    <col min="11005" max="11005" width="45.58203125" style="27" customWidth="1"/>
    <col min="11006" max="11007" width="12.58203125" style="27" customWidth="1"/>
    <col min="11008" max="11008" width="1.83203125" style="27" customWidth="1"/>
    <col min="11009" max="11010" width="12.58203125" style="27" customWidth="1"/>
    <col min="11011" max="11259" width="9" style="27"/>
    <col min="11260" max="11260" width="7.58203125" style="27" customWidth="1"/>
    <col min="11261" max="11261" width="45.58203125" style="27" customWidth="1"/>
    <col min="11262" max="11263" width="12.58203125" style="27" customWidth="1"/>
    <col min="11264" max="11264" width="1.83203125" style="27" customWidth="1"/>
    <col min="11265" max="11266" width="12.58203125" style="27" customWidth="1"/>
    <col min="11267" max="11515" width="9" style="27"/>
    <col min="11516" max="11516" width="7.58203125" style="27" customWidth="1"/>
    <col min="11517" max="11517" width="45.58203125" style="27" customWidth="1"/>
    <col min="11518" max="11519" width="12.58203125" style="27" customWidth="1"/>
    <col min="11520" max="11520" width="1.83203125" style="27" customWidth="1"/>
    <col min="11521" max="11522" width="12.58203125" style="27" customWidth="1"/>
    <col min="11523" max="11771" width="9" style="27"/>
    <col min="11772" max="11772" width="7.58203125" style="27" customWidth="1"/>
    <col min="11773" max="11773" width="45.58203125" style="27" customWidth="1"/>
    <col min="11774" max="11775" width="12.58203125" style="27" customWidth="1"/>
    <col min="11776" max="11776" width="1.83203125" style="27" customWidth="1"/>
    <col min="11777" max="11778" width="12.58203125" style="27" customWidth="1"/>
    <col min="11779" max="12027" width="9" style="27"/>
    <col min="12028" max="12028" width="7.58203125" style="27" customWidth="1"/>
    <col min="12029" max="12029" width="45.58203125" style="27" customWidth="1"/>
    <col min="12030" max="12031" width="12.58203125" style="27" customWidth="1"/>
    <col min="12032" max="12032" width="1.83203125" style="27" customWidth="1"/>
    <col min="12033" max="12034" width="12.58203125" style="27" customWidth="1"/>
    <col min="12035" max="12283" width="9" style="27"/>
    <col min="12284" max="12284" width="7.58203125" style="27" customWidth="1"/>
    <col min="12285" max="12285" width="45.58203125" style="27" customWidth="1"/>
    <col min="12286" max="12287" width="12.58203125" style="27" customWidth="1"/>
    <col min="12288" max="12288" width="1.83203125" style="27" customWidth="1"/>
    <col min="12289" max="12290" width="12.58203125" style="27" customWidth="1"/>
    <col min="12291" max="12539" width="9" style="27"/>
    <col min="12540" max="12540" width="7.58203125" style="27" customWidth="1"/>
    <col min="12541" max="12541" width="45.58203125" style="27" customWidth="1"/>
    <col min="12542" max="12543" width="12.58203125" style="27" customWidth="1"/>
    <col min="12544" max="12544" width="1.83203125" style="27" customWidth="1"/>
    <col min="12545" max="12546" width="12.58203125" style="27" customWidth="1"/>
    <col min="12547" max="12795" width="9" style="27"/>
    <col min="12796" max="12796" width="7.58203125" style="27" customWidth="1"/>
    <col min="12797" max="12797" width="45.58203125" style="27" customWidth="1"/>
    <col min="12798" max="12799" width="12.58203125" style="27" customWidth="1"/>
    <col min="12800" max="12800" width="1.83203125" style="27" customWidth="1"/>
    <col min="12801" max="12802" width="12.58203125" style="27" customWidth="1"/>
    <col min="12803" max="13051" width="9" style="27"/>
    <col min="13052" max="13052" width="7.58203125" style="27" customWidth="1"/>
    <col min="13053" max="13053" width="45.58203125" style="27" customWidth="1"/>
    <col min="13054" max="13055" width="12.58203125" style="27" customWidth="1"/>
    <col min="13056" max="13056" width="1.83203125" style="27" customWidth="1"/>
    <col min="13057" max="13058" width="12.58203125" style="27" customWidth="1"/>
    <col min="13059" max="13307" width="9" style="27"/>
    <col min="13308" max="13308" width="7.58203125" style="27" customWidth="1"/>
    <col min="13309" max="13309" width="45.58203125" style="27" customWidth="1"/>
    <col min="13310" max="13311" width="12.58203125" style="27" customWidth="1"/>
    <col min="13312" max="13312" width="1.83203125" style="27" customWidth="1"/>
    <col min="13313" max="13314" width="12.58203125" style="27" customWidth="1"/>
    <col min="13315" max="13563" width="9" style="27"/>
    <col min="13564" max="13564" width="7.58203125" style="27" customWidth="1"/>
    <col min="13565" max="13565" width="45.58203125" style="27" customWidth="1"/>
    <col min="13566" max="13567" width="12.58203125" style="27" customWidth="1"/>
    <col min="13568" max="13568" width="1.83203125" style="27" customWidth="1"/>
    <col min="13569" max="13570" width="12.58203125" style="27" customWidth="1"/>
    <col min="13571" max="13819" width="9" style="27"/>
    <col min="13820" max="13820" width="7.58203125" style="27" customWidth="1"/>
    <col min="13821" max="13821" width="45.58203125" style="27" customWidth="1"/>
    <col min="13822" max="13823" width="12.58203125" style="27" customWidth="1"/>
    <col min="13824" max="13824" width="1.83203125" style="27" customWidth="1"/>
    <col min="13825" max="13826" width="12.58203125" style="27" customWidth="1"/>
    <col min="13827" max="14075" width="9" style="27"/>
    <col min="14076" max="14076" width="7.58203125" style="27" customWidth="1"/>
    <col min="14077" max="14077" width="45.58203125" style="27" customWidth="1"/>
    <col min="14078" max="14079" width="12.58203125" style="27" customWidth="1"/>
    <col min="14080" max="14080" width="1.83203125" style="27" customWidth="1"/>
    <col min="14081" max="14082" width="12.58203125" style="27" customWidth="1"/>
    <col min="14083" max="14331" width="9" style="27"/>
    <col min="14332" max="14332" width="7.58203125" style="27" customWidth="1"/>
    <col min="14333" max="14333" width="45.58203125" style="27" customWidth="1"/>
    <col min="14334" max="14335" width="12.58203125" style="27" customWidth="1"/>
    <col min="14336" max="14336" width="1.83203125" style="27" customWidth="1"/>
    <col min="14337" max="14338" width="12.58203125" style="27" customWidth="1"/>
    <col min="14339" max="14587" width="9" style="27"/>
    <col min="14588" max="14588" width="7.58203125" style="27" customWidth="1"/>
    <col min="14589" max="14589" width="45.58203125" style="27" customWidth="1"/>
    <col min="14590" max="14591" width="12.58203125" style="27" customWidth="1"/>
    <col min="14592" max="14592" width="1.83203125" style="27" customWidth="1"/>
    <col min="14593" max="14594" width="12.58203125" style="27" customWidth="1"/>
    <col min="14595" max="14843" width="9" style="27"/>
    <col min="14844" max="14844" width="7.58203125" style="27" customWidth="1"/>
    <col min="14845" max="14845" width="45.58203125" style="27" customWidth="1"/>
    <col min="14846" max="14847" width="12.58203125" style="27" customWidth="1"/>
    <col min="14848" max="14848" width="1.83203125" style="27" customWidth="1"/>
    <col min="14849" max="14850" width="12.58203125" style="27" customWidth="1"/>
    <col min="14851" max="15099" width="9" style="27"/>
    <col min="15100" max="15100" width="7.58203125" style="27" customWidth="1"/>
    <col min="15101" max="15101" width="45.58203125" style="27" customWidth="1"/>
    <col min="15102" max="15103" width="12.58203125" style="27" customWidth="1"/>
    <col min="15104" max="15104" width="1.83203125" style="27" customWidth="1"/>
    <col min="15105" max="15106" width="12.58203125" style="27" customWidth="1"/>
    <col min="15107" max="15355" width="9" style="27"/>
    <col min="15356" max="15356" width="7.58203125" style="27" customWidth="1"/>
    <col min="15357" max="15357" width="45.58203125" style="27" customWidth="1"/>
    <col min="15358" max="15359" width="12.58203125" style="27" customWidth="1"/>
    <col min="15360" max="15360" width="1.83203125" style="27" customWidth="1"/>
    <col min="15361" max="15362" width="12.58203125" style="27" customWidth="1"/>
    <col min="15363" max="15611" width="9" style="27"/>
    <col min="15612" max="15612" width="7.58203125" style="27" customWidth="1"/>
    <col min="15613" max="15613" width="45.58203125" style="27" customWidth="1"/>
    <col min="15614" max="15615" width="12.58203125" style="27" customWidth="1"/>
    <col min="15616" max="15616" width="1.83203125" style="27" customWidth="1"/>
    <col min="15617" max="15618" width="12.58203125" style="27" customWidth="1"/>
    <col min="15619" max="15867" width="9" style="27"/>
    <col min="15868" max="15868" width="7.58203125" style="27" customWidth="1"/>
    <col min="15869" max="15869" width="45.58203125" style="27" customWidth="1"/>
    <col min="15870" max="15871" width="12.58203125" style="27" customWidth="1"/>
    <col min="15872" max="15872" width="1.83203125" style="27" customWidth="1"/>
    <col min="15873" max="15874" width="12.58203125" style="27" customWidth="1"/>
    <col min="15875" max="16123" width="9" style="27"/>
    <col min="16124" max="16124" width="7.58203125" style="27" customWidth="1"/>
    <col min="16125" max="16125" width="45.58203125" style="27" customWidth="1"/>
    <col min="16126" max="16127" width="12.58203125" style="27" customWidth="1"/>
    <col min="16128" max="16128" width="1.83203125" style="27" customWidth="1"/>
    <col min="16129" max="16130" width="12.58203125" style="27" customWidth="1"/>
    <col min="16131" max="16384" width="9" style="27"/>
  </cols>
  <sheetData>
    <row r="1" spans="1:7" s="29" customFormat="1">
      <c r="A1" s="652" t="s">
        <v>685</v>
      </c>
      <c r="B1" s="652"/>
      <c r="C1" s="6"/>
    </row>
    <row r="2" spans="1:7" s="29" customFormat="1">
      <c r="G2" s="269"/>
    </row>
    <row r="3" spans="1:7" s="29" customFormat="1">
      <c r="A3" s="229"/>
      <c r="B3" s="46" t="s">
        <v>235</v>
      </c>
    </row>
    <row r="4" spans="1:7">
      <c r="B4" s="28"/>
      <c r="C4" s="492" t="s">
        <v>1</v>
      </c>
      <c r="D4" s="492" t="s">
        <v>2</v>
      </c>
      <c r="F4" s="492" t="s">
        <v>1</v>
      </c>
      <c r="G4" s="492" t="s">
        <v>2</v>
      </c>
    </row>
    <row r="5" spans="1:7">
      <c r="B5" s="188"/>
      <c r="C5" s="931" t="s">
        <v>689</v>
      </c>
      <c r="D5" s="932"/>
      <c r="F5" s="931" t="s">
        <v>687</v>
      </c>
      <c r="G5" s="932"/>
    </row>
    <row r="6" spans="1:7" ht="43.5" customHeight="1">
      <c r="B6" s="189" t="s">
        <v>187</v>
      </c>
      <c r="C6" s="534" t="s">
        <v>88</v>
      </c>
      <c r="D6" s="534" t="s">
        <v>445</v>
      </c>
      <c r="F6" s="534" t="s">
        <v>88</v>
      </c>
      <c r="G6" s="534" t="s">
        <v>445</v>
      </c>
    </row>
    <row r="7" spans="1:7" s="29" customFormat="1">
      <c r="A7" s="166">
        <v>4</v>
      </c>
      <c r="B7" s="535" t="s">
        <v>89</v>
      </c>
      <c r="C7" s="535">
        <v>43334.535000000003</v>
      </c>
      <c r="D7" s="535">
        <v>7336.0370000000003</v>
      </c>
      <c r="F7" s="535">
        <v>45009.302000000003</v>
      </c>
      <c r="G7" s="535">
        <v>8272.2219999999998</v>
      </c>
    </row>
    <row r="8" spans="1:7" s="29" customFormat="1">
      <c r="A8" s="166">
        <v>5</v>
      </c>
      <c r="B8" s="536" t="s">
        <v>33</v>
      </c>
      <c r="C8" s="536">
        <v>43334.535000000003</v>
      </c>
      <c r="D8" s="536">
        <v>7336.0370000000003</v>
      </c>
      <c r="F8" s="536">
        <v>45009.302000000003</v>
      </c>
      <c r="G8" s="536">
        <v>8272.2219999999998</v>
      </c>
    </row>
    <row r="9" spans="1:7" s="29" customFormat="1">
      <c r="B9" s="34"/>
      <c r="E9" s="27"/>
    </row>
    <row r="10" spans="1:7" s="29" customFormat="1">
      <c r="B10" s="34"/>
    </row>
    <row r="11" spans="1:7" s="29" customFormat="1">
      <c r="E11" s="27"/>
    </row>
    <row r="12" spans="1:7" s="29" customFormat="1">
      <c r="B12" s="34"/>
    </row>
    <row r="13" spans="1:7" s="29" customFormat="1">
      <c r="B13" s="34"/>
    </row>
    <row r="14" spans="1:7" s="29" customFormat="1">
      <c r="B14" s="34"/>
    </row>
    <row r="15" spans="1:7" s="29" customFormat="1">
      <c r="B15" s="34"/>
    </row>
    <row r="16" spans="1:7" s="29" customFormat="1">
      <c r="B16" s="34"/>
    </row>
    <row r="17" spans="2:2" s="29" customFormat="1">
      <c r="B17" s="34"/>
    </row>
    <row r="18" spans="2:2" s="29" customFormat="1">
      <c r="B18" s="34"/>
    </row>
    <row r="19" spans="2:2" s="29" customFormat="1">
      <c r="B19" s="34"/>
    </row>
    <row r="20" spans="2:2" s="29" customFormat="1">
      <c r="B20" s="34"/>
    </row>
    <row r="21" spans="2:2" s="29" customFormat="1">
      <c r="B21" s="34"/>
    </row>
    <row r="22" spans="2:2" s="29" customFormat="1">
      <c r="B22" s="34"/>
    </row>
    <row r="23" spans="2:2" s="29" customFormat="1">
      <c r="B23" s="34"/>
    </row>
    <row r="24" spans="2:2" s="29" customFormat="1">
      <c r="B24" s="34"/>
    </row>
    <row r="25" spans="2:2" s="29" customFormat="1">
      <c r="B25" s="34"/>
    </row>
    <row r="26" spans="2:2" s="29" customFormat="1">
      <c r="B26" s="34"/>
    </row>
    <row r="27" spans="2:2" s="29" customFormat="1">
      <c r="B27" s="34"/>
    </row>
    <row r="28" spans="2:2" s="29" customFormat="1">
      <c r="B28" s="34"/>
    </row>
    <row r="29" spans="2:2" s="29" customFormat="1">
      <c r="B29" s="34"/>
    </row>
    <row r="30" spans="2:2" s="29" customFormat="1">
      <c r="B30" s="34"/>
    </row>
    <row r="31" spans="2:2" s="29" customFormat="1">
      <c r="B31" s="34"/>
    </row>
    <row r="32" spans="2:2" s="29" customFormat="1">
      <c r="B32" s="34"/>
    </row>
    <row r="33" spans="2:2" s="29" customFormat="1">
      <c r="B33" s="34"/>
    </row>
    <row r="34" spans="2:2" s="29" customFormat="1">
      <c r="B34" s="34"/>
    </row>
    <row r="35" spans="2:2" s="29" customFormat="1">
      <c r="B35" s="34"/>
    </row>
    <row r="36" spans="2:2" s="29" customFormat="1">
      <c r="B36" s="34"/>
    </row>
    <row r="37" spans="2:2" s="29" customFormat="1">
      <c r="B37" s="34"/>
    </row>
    <row r="38" spans="2:2" s="29" customFormat="1">
      <c r="B38" s="34"/>
    </row>
    <row r="39" spans="2:2" s="29" customFormat="1">
      <c r="B39" s="34"/>
    </row>
    <row r="40" spans="2:2" s="29" customFormat="1">
      <c r="B40" s="34"/>
    </row>
    <row r="41" spans="2:2" s="29" customFormat="1">
      <c r="B41" s="34"/>
    </row>
    <row r="42" spans="2:2" s="29" customFormat="1">
      <c r="B42" s="34"/>
    </row>
    <row r="43" spans="2:2" s="29" customFormat="1">
      <c r="B43" s="34"/>
    </row>
    <row r="44" spans="2:2" s="29" customFormat="1">
      <c r="B44" s="34"/>
    </row>
    <row r="45" spans="2:2" s="29" customFormat="1">
      <c r="B45" s="34"/>
    </row>
    <row r="46" spans="2:2" s="29" customFormat="1">
      <c r="B46" s="34"/>
    </row>
    <row r="47" spans="2:2" s="29" customFormat="1">
      <c r="B47" s="34"/>
    </row>
    <row r="48" spans="2:2" s="29" customFormat="1">
      <c r="B48" s="34"/>
    </row>
    <row r="49" spans="2:2" s="29" customFormat="1">
      <c r="B49" s="34"/>
    </row>
    <row r="50" spans="2:2" s="29" customFormat="1">
      <c r="B50" s="34"/>
    </row>
  </sheetData>
  <mergeCells count="2">
    <mergeCell ref="F5:G5"/>
    <mergeCell ref="C5:D5"/>
  </mergeCells>
  <pageMargins left="0.70866141732283472" right="0.70866141732283472" top="0.74803149606299213" bottom="0.74803149606299213" header="0.31496062992125984" footer="0.31496062992125984"/>
  <pageSetup paperSize="9" orientation="landscape"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900-000000000000}">
  <sheetPr codeName="Sheet44">
    <pageSetUpPr fitToPage="1"/>
  </sheetPr>
  <dimension ref="A1:J18"/>
  <sheetViews>
    <sheetView zoomScaleNormal="100" workbookViewId="0">
      <selection activeCell="B3" sqref="B3"/>
    </sheetView>
  </sheetViews>
  <sheetFormatPr defaultColWidth="9" defaultRowHeight="13"/>
  <cols>
    <col min="1" max="1" width="6.83203125" style="47" customWidth="1"/>
    <col min="2" max="2" width="51.5" style="57" customWidth="1"/>
    <col min="3" max="9" width="11.75" style="47" customWidth="1"/>
    <col min="10" max="243" width="9" style="47"/>
    <col min="244" max="244" width="7.58203125" style="47" customWidth="1"/>
    <col min="245" max="245" width="50.58203125" style="47" customWidth="1"/>
    <col min="246" max="253" width="11.75" style="47" customWidth="1"/>
    <col min="254" max="499" width="9" style="47"/>
    <col min="500" max="500" width="7.58203125" style="47" customWidth="1"/>
    <col min="501" max="501" width="50.58203125" style="47" customWidth="1"/>
    <col min="502" max="509" width="11.75" style="47" customWidth="1"/>
    <col min="510" max="755" width="9" style="47"/>
    <col min="756" max="756" width="7.58203125" style="47" customWidth="1"/>
    <col min="757" max="757" width="50.58203125" style="47" customWidth="1"/>
    <col min="758" max="765" width="11.75" style="47" customWidth="1"/>
    <col min="766" max="1011" width="9" style="47"/>
    <col min="1012" max="1012" width="7.58203125" style="47" customWidth="1"/>
    <col min="1013" max="1013" width="50.58203125" style="47" customWidth="1"/>
    <col min="1014" max="1021" width="11.75" style="47" customWidth="1"/>
    <col min="1022" max="1267" width="9" style="47"/>
    <col min="1268" max="1268" width="7.58203125" style="47" customWidth="1"/>
    <col min="1269" max="1269" width="50.58203125" style="47" customWidth="1"/>
    <col min="1270" max="1277" width="11.75" style="47" customWidth="1"/>
    <col min="1278" max="1523" width="9" style="47"/>
    <col min="1524" max="1524" width="7.58203125" style="47" customWidth="1"/>
    <col min="1525" max="1525" width="50.58203125" style="47" customWidth="1"/>
    <col min="1526" max="1533" width="11.75" style="47" customWidth="1"/>
    <col min="1534" max="1779" width="9" style="47"/>
    <col min="1780" max="1780" width="7.58203125" style="47" customWidth="1"/>
    <col min="1781" max="1781" width="50.58203125" style="47" customWidth="1"/>
    <col min="1782" max="1789" width="11.75" style="47" customWidth="1"/>
    <col min="1790" max="2035" width="9" style="47"/>
    <col min="2036" max="2036" width="7.58203125" style="47" customWidth="1"/>
    <col min="2037" max="2037" width="50.58203125" style="47" customWidth="1"/>
    <col min="2038" max="2045" width="11.75" style="47" customWidth="1"/>
    <col min="2046" max="2291" width="9" style="47"/>
    <col min="2292" max="2292" width="7.58203125" style="47" customWidth="1"/>
    <col min="2293" max="2293" width="50.58203125" style="47" customWidth="1"/>
    <col min="2294" max="2301" width="11.75" style="47" customWidth="1"/>
    <col min="2302" max="2547" width="9" style="47"/>
    <col min="2548" max="2548" width="7.58203125" style="47" customWidth="1"/>
    <col min="2549" max="2549" width="50.58203125" style="47" customWidth="1"/>
    <col min="2550" max="2557" width="11.75" style="47" customWidth="1"/>
    <col min="2558" max="2803" width="9" style="47"/>
    <col min="2804" max="2804" width="7.58203125" style="47" customWidth="1"/>
    <col min="2805" max="2805" width="50.58203125" style="47" customWidth="1"/>
    <col min="2806" max="2813" width="11.75" style="47" customWidth="1"/>
    <col min="2814" max="3059" width="9" style="47"/>
    <col min="3060" max="3060" width="7.58203125" style="47" customWidth="1"/>
    <col min="3061" max="3061" width="50.58203125" style="47" customWidth="1"/>
    <col min="3062" max="3069" width="11.75" style="47" customWidth="1"/>
    <col min="3070" max="3315" width="9" style="47"/>
    <col min="3316" max="3316" width="7.58203125" style="47" customWidth="1"/>
    <col min="3317" max="3317" width="50.58203125" style="47" customWidth="1"/>
    <col min="3318" max="3325" width="11.75" style="47" customWidth="1"/>
    <col min="3326" max="3571" width="9" style="47"/>
    <col min="3572" max="3572" width="7.58203125" style="47" customWidth="1"/>
    <col min="3573" max="3573" width="50.58203125" style="47" customWidth="1"/>
    <col min="3574" max="3581" width="11.75" style="47" customWidth="1"/>
    <col min="3582" max="3827" width="9" style="47"/>
    <col min="3828" max="3828" width="7.58203125" style="47" customWidth="1"/>
    <col min="3829" max="3829" width="50.58203125" style="47" customWidth="1"/>
    <col min="3830" max="3837" width="11.75" style="47" customWidth="1"/>
    <col min="3838" max="4083" width="9" style="47"/>
    <col min="4084" max="4084" width="7.58203125" style="47" customWidth="1"/>
    <col min="4085" max="4085" width="50.58203125" style="47" customWidth="1"/>
    <col min="4086" max="4093" width="11.75" style="47" customWidth="1"/>
    <col min="4094" max="4339" width="9" style="47"/>
    <col min="4340" max="4340" width="7.58203125" style="47" customWidth="1"/>
    <col min="4341" max="4341" width="50.58203125" style="47" customWidth="1"/>
    <col min="4342" max="4349" width="11.75" style="47" customWidth="1"/>
    <col min="4350" max="4595" width="9" style="47"/>
    <col min="4596" max="4596" width="7.58203125" style="47" customWidth="1"/>
    <col min="4597" max="4597" width="50.58203125" style="47" customWidth="1"/>
    <col min="4598" max="4605" width="11.75" style="47" customWidth="1"/>
    <col min="4606" max="4851" width="9" style="47"/>
    <col min="4852" max="4852" width="7.58203125" style="47" customWidth="1"/>
    <col min="4853" max="4853" width="50.58203125" style="47" customWidth="1"/>
    <col min="4854" max="4861" width="11.75" style="47" customWidth="1"/>
    <col min="4862" max="5107" width="9" style="47"/>
    <col min="5108" max="5108" width="7.58203125" style="47" customWidth="1"/>
    <col min="5109" max="5109" width="50.58203125" style="47" customWidth="1"/>
    <col min="5110" max="5117" width="11.75" style="47" customWidth="1"/>
    <col min="5118" max="5363" width="9" style="47"/>
    <col min="5364" max="5364" width="7.58203125" style="47" customWidth="1"/>
    <col min="5365" max="5365" width="50.58203125" style="47" customWidth="1"/>
    <col min="5366" max="5373" width="11.75" style="47" customWidth="1"/>
    <col min="5374" max="5619" width="9" style="47"/>
    <col min="5620" max="5620" width="7.58203125" style="47" customWidth="1"/>
    <col min="5621" max="5621" width="50.58203125" style="47" customWidth="1"/>
    <col min="5622" max="5629" width="11.75" style="47" customWidth="1"/>
    <col min="5630" max="5875" width="9" style="47"/>
    <col min="5876" max="5876" width="7.58203125" style="47" customWidth="1"/>
    <col min="5877" max="5877" width="50.58203125" style="47" customWidth="1"/>
    <col min="5878" max="5885" width="11.75" style="47" customWidth="1"/>
    <col min="5886" max="6131" width="9" style="47"/>
    <col min="6132" max="6132" width="7.58203125" style="47" customWidth="1"/>
    <col min="6133" max="6133" width="50.58203125" style="47" customWidth="1"/>
    <col min="6134" max="6141" width="11.75" style="47" customWidth="1"/>
    <col min="6142" max="6387" width="9" style="47"/>
    <col min="6388" max="6388" width="7.58203125" style="47" customWidth="1"/>
    <col min="6389" max="6389" width="50.58203125" style="47" customWidth="1"/>
    <col min="6390" max="6397" width="11.75" style="47" customWidth="1"/>
    <col min="6398" max="6643" width="9" style="47"/>
    <col min="6644" max="6644" width="7.58203125" style="47" customWidth="1"/>
    <col min="6645" max="6645" width="50.58203125" style="47" customWidth="1"/>
    <col min="6646" max="6653" width="11.75" style="47" customWidth="1"/>
    <col min="6654" max="6899" width="9" style="47"/>
    <col min="6900" max="6900" width="7.58203125" style="47" customWidth="1"/>
    <col min="6901" max="6901" width="50.58203125" style="47" customWidth="1"/>
    <col min="6902" max="6909" width="11.75" style="47" customWidth="1"/>
    <col min="6910" max="7155" width="9" style="47"/>
    <col min="7156" max="7156" width="7.58203125" style="47" customWidth="1"/>
    <col min="7157" max="7157" width="50.58203125" style="47" customWidth="1"/>
    <col min="7158" max="7165" width="11.75" style="47" customWidth="1"/>
    <col min="7166" max="7411" width="9" style="47"/>
    <col min="7412" max="7412" width="7.58203125" style="47" customWidth="1"/>
    <col min="7413" max="7413" width="50.58203125" style="47" customWidth="1"/>
    <col min="7414" max="7421" width="11.75" style="47" customWidth="1"/>
    <col min="7422" max="7667" width="9" style="47"/>
    <col min="7668" max="7668" width="7.58203125" style="47" customWidth="1"/>
    <col min="7669" max="7669" width="50.58203125" style="47" customWidth="1"/>
    <col min="7670" max="7677" width="11.75" style="47" customWidth="1"/>
    <col min="7678" max="7923" width="9" style="47"/>
    <col min="7924" max="7924" width="7.58203125" style="47" customWidth="1"/>
    <col min="7925" max="7925" width="50.58203125" style="47" customWidth="1"/>
    <col min="7926" max="7933" width="11.75" style="47" customWidth="1"/>
    <col min="7934" max="8179" width="9" style="47"/>
    <col min="8180" max="8180" width="7.58203125" style="47" customWidth="1"/>
    <col min="8181" max="8181" width="50.58203125" style="47" customWidth="1"/>
    <col min="8182" max="8189" width="11.75" style="47" customWidth="1"/>
    <col min="8190" max="8435" width="9" style="47"/>
    <col min="8436" max="8436" width="7.58203125" style="47" customWidth="1"/>
    <col min="8437" max="8437" width="50.58203125" style="47" customWidth="1"/>
    <col min="8438" max="8445" width="11.75" style="47" customWidth="1"/>
    <col min="8446" max="8691" width="9" style="47"/>
    <col min="8692" max="8692" width="7.58203125" style="47" customWidth="1"/>
    <col min="8693" max="8693" width="50.58203125" style="47" customWidth="1"/>
    <col min="8694" max="8701" width="11.75" style="47" customWidth="1"/>
    <col min="8702" max="8947" width="9" style="47"/>
    <col min="8948" max="8948" width="7.58203125" style="47" customWidth="1"/>
    <col min="8949" max="8949" width="50.58203125" style="47" customWidth="1"/>
    <col min="8950" max="8957" width="11.75" style="47" customWidth="1"/>
    <col min="8958" max="9203" width="9" style="47"/>
    <col min="9204" max="9204" width="7.58203125" style="47" customWidth="1"/>
    <col min="9205" max="9205" width="50.58203125" style="47" customWidth="1"/>
    <col min="9206" max="9213" width="11.75" style="47" customWidth="1"/>
    <col min="9214" max="9459" width="9" style="47"/>
    <col min="9460" max="9460" width="7.58203125" style="47" customWidth="1"/>
    <col min="9461" max="9461" width="50.58203125" style="47" customWidth="1"/>
    <col min="9462" max="9469" width="11.75" style="47" customWidth="1"/>
    <col min="9470" max="9715" width="9" style="47"/>
    <col min="9716" max="9716" width="7.58203125" style="47" customWidth="1"/>
    <col min="9717" max="9717" width="50.58203125" style="47" customWidth="1"/>
    <col min="9718" max="9725" width="11.75" style="47" customWidth="1"/>
    <col min="9726" max="9971" width="9" style="47"/>
    <col min="9972" max="9972" width="7.58203125" style="47" customWidth="1"/>
    <col min="9973" max="9973" width="50.58203125" style="47" customWidth="1"/>
    <col min="9974" max="9981" width="11.75" style="47" customWidth="1"/>
    <col min="9982" max="10227" width="9" style="47"/>
    <col min="10228" max="10228" width="7.58203125" style="47" customWidth="1"/>
    <col min="10229" max="10229" width="50.58203125" style="47" customWidth="1"/>
    <col min="10230" max="10237" width="11.75" style="47" customWidth="1"/>
    <col min="10238" max="10483" width="9" style="47"/>
    <col min="10484" max="10484" width="7.58203125" style="47" customWidth="1"/>
    <col min="10485" max="10485" width="50.58203125" style="47" customWidth="1"/>
    <col min="10486" max="10493" width="11.75" style="47" customWidth="1"/>
    <col min="10494" max="10739" width="9" style="47"/>
    <col min="10740" max="10740" width="7.58203125" style="47" customWidth="1"/>
    <col min="10741" max="10741" width="50.58203125" style="47" customWidth="1"/>
    <col min="10742" max="10749" width="11.75" style="47" customWidth="1"/>
    <col min="10750" max="10995" width="9" style="47"/>
    <col min="10996" max="10996" width="7.58203125" style="47" customWidth="1"/>
    <col min="10997" max="10997" width="50.58203125" style="47" customWidth="1"/>
    <col min="10998" max="11005" width="11.75" style="47" customWidth="1"/>
    <col min="11006" max="11251" width="9" style="47"/>
    <col min="11252" max="11252" width="7.58203125" style="47" customWidth="1"/>
    <col min="11253" max="11253" width="50.58203125" style="47" customWidth="1"/>
    <col min="11254" max="11261" width="11.75" style="47" customWidth="1"/>
    <col min="11262" max="11507" width="9" style="47"/>
    <col min="11508" max="11508" width="7.58203125" style="47" customWidth="1"/>
    <col min="11509" max="11509" width="50.58203125" style="47" customWidth="1"/>
    <col min="11510" max="11517" width="11.75" style="47" customWidth="1"/>
    <col min="11518" max="11763" width="9" style="47"/>
    <col min="11764" max="11764" width="7.58203125" style="47" customWidth="1"/>
    <col min="11765" max="11765" width="50.58203125" style="47" customWidth="1"/>
    <col min="11766" max="11773" width="11.75" style="47" customWidth="1"/>
    <col min="11774" max="12019" width="9" style="47"/>
    <col min="12020" max="12020" width="7.58203125" style="47" customWidth="1"/>
    <col min="12021" max="12021" width="50.58203125" style="47" customWidth="1"/>
    <col min="12022" max="12029" width="11.75" style="47" customWidth="1"/>
    <col min="12030" max="12275" width="9" style="47"/>
    <col min="12276" max="12276" width="7.58203125" style="47" customWidth="1"/>
    <col min="12277" max="12277" width="50.58203125" style="47" customWidth="1"/>
    <col min="12278" max="12285" width="11.75" style="47" customWidth="1"/>
    <col min="12286" max="12531" width="9" style="47"/>
    <col min="12532" max="12532" width="7.58203125" style="47" customWidth="1"/>
    <col min="12533" max="12533" width="50.58203125" style="47" customWidth="1"/>
    <col min="12534" max="12541" width="11.75" style="47" customWidth="1"/>
    <col min="12542" max="12787" width="9" style="47"/>
    <col min="12788" max="12788" width="7.58203125" style="47" customWidth="1"/>
    <col min="12789" max="12789" width="50.58203125" style="47" customWidth="1"/>
    <col min="12790" max="12797" width="11.75" style="47" customWidth="1"/>
    <col min="12798" max="13043" width="9" style="47"/>
    <col min="13044" max="13044" width="7.58203125" style="47" customWidth="1"/>
    <col min="13045" max="13045" width="50.58203125" style="47" customWidth="1"/>
    <col min="13046" max="13053" width="11.75" style="47" customWidth="1"/>
    <col min="13054" max="13299" width="9" style="47"/>
    <col min="13300" max="13300" width="7.58203125" style="47" customWidth="1"/>
    <col min="13301" max="13301" width="50.58203125" style="47" customWidth="1"/>
    <col min="13302" max="13309" width="11.75" style="47" customWidth="1"/>
    <col min="13310" max="13555" width="9" style="47"/>
    <col min="13556" max="13556" width="7.58203125" style="47" customWidth="1"/>
    <col min="13557" max="13557" width="50.58203125" style="47" customWidth="1"/>
    <col min="13558" max="13565" width="11.75" style="47" customWidth="1"/>
    <col min="13566" max="13811" width="9" style="47"/>
    <col min="13812" max="13812" width="7.58203125" style="47" customWidth="1"/>
    <col min="13813" max="13813" width="50.58203125" style="47" customWidth="1"/>
    <col min="13814" max="13821" width="11.75" style="47" customWidth="1"/>
    <col min="13822" max="14067" width="9" style="47"/>
    <col min="14068" max="14068" width="7.58203125" style="47" customWidth="1"/>
    <col min="14069" max="14069" width="50.58203125" style="47" customWidth="1"/>
    <col min="14070" max="14077" width="11.75" style="47" customWidth="1"/>
    <col min="14078" max="14323" width="9" style="47"/>
    <col min="14324" max="14324" width="7.58203125" style="47" customWidth="1"/>
    <col min="14325" max="14325" width="50.58203125" style="47" customWidth="1"/>
    <col min="14326" max="14333" width="11.75" style="47" customWidth="1"/>
    <col min="14334" max="14579" width="9" style="47"/>
    <col min="14580" max="14580" width="7.58203125" style="47" customWidth="1"/>
    <col min="14581" max="14581" width="50.58203125" style="47" customWidth="1"/>
    <col min="14582" max="14589" width="11.75" style="47" customWidth="1"/>
    <col min="14590" max="14835" width="9" style="47"/>
    <col min="14836" max="14836" width="7.58203125" style="47" customWidth="1"/>
    <col min="14837" max="14837" width="50.58203125" style="47" customWidth="1"/>
    <col min="14838" max="14845" width="11.75" style="47" customWidth="1"/>
    <col min="14846" max="15091" width="9" style="47"/>
    <col min="15092" max="15092" width="7.58203125" style="47" customWidth="1"/>
    <col min="15093" max="15093" width="50.58203125" style="47" customWidth="1"/>
    <col min="15094" max="15101" width="11.75" style="47" customWidth="1"/>
    <col min="15102" max="15347" width="9" style="47"/>
    <col min="15348" max="15348" width="7.58203125" style="47" customWidth="1"/>
    <col min="15349" max="15349" width="50.58203125" style="47" customWidth="1"/>
    <col min="15350" max="15357" width="11.75" style="47" customWidth="1"/>
    <col min="15358" max="15603" width="9" style="47"/>
    <col min="15604" max="15604" width="7.58203125" style="47" customWidth="1"/>
    <col min="15605" max="15605" width="50.58203125" style="47" customWidth="1"/>
    <col min="15606" max="15613" width="11.75" style="47" customWidth="1"/>
    <col min="15614" max="15859" width="9" style="47"/>
    <col min="15860" max="15860" width="7.58203125" style="47" customWidth="1"/>
    <col min="15861" max="15861" width="50.58203125" style="47" customWidth="1"/>
    <col min="15862" max="15869" width="11.75" style="47" customWidth="1"/>
    <col min="15870" max="16115" width="9" style="47"/>
    <col min="16116" max="16116" width="7.58203125" style="47" customWidth="1"/>
    <col min="16117" max="16117" width="50.58203125" style="47" customWidth="1"/>
    <col min="16118" max="16125" width="11.75" style="47" customWidth="1"/>
    <col min="16126" max="16384" width="9" style="47"/>
  </cols>
  <sheetData>
    <row r="1" spans="1:10" s="49" customFormat="1">
      <c r="A1" s="652" t="s">
        <v>685</v>
      </c>
      <c r="B1" s="652"/>
    </row>
    <row r="2" spans="1:10" s="49" customFormat="1">
      <c r="E2" s="84"/>
      <c r="I2" s="269"/>
    </row>
    <row r="3" spans="1:10" s="49" customFormat="1">
      <c r="A3" s="36"/>
      <c r="B3" s="272" t="s">
        <v>500</v>
      </c>
      <c r="G3" s="273"/>
      <c r="I3" s="274"/>
    </row>
    <row r="4" spans="1:10">
      <c r="A4" s="50"/>
      <c r="B4" s="51"/>
    </row>
    <row r="5" spans="1:10" ht="20.25" customHeight="1">
      <c r="A5" s="50"/>
      <c r="B5" s="933" t="s">
        <v>94</v>
      </c>
      <c r="C5" s="933"/>
      <c r="D5" s="933"/>
      <c r="E5" s="933"/>
      <c r="F5" s="933"/>
      <c r="G5" s="933"/>
      <c r="H5" s="933"/>
      <c r="I5" s="933"/>
    </row>
    <row r="6" spans="1:10" ht="26">
      <c r="A6" s="50"/>
      <c r="B6" s="52" t="s">
        <v>693</v>
      </c>
      <c r="C6" s="310">
        <v>0.02</v>
      </c>
      <c r="D6" s="310">
        <v>0.2</v>
      </c>
      <c r="E6" s="310">
        <v>0.5</v>
      </c>
      <c r="F6" s="310">
        <v>0.75</v>
      </c>
      <c r="G6" s="310">
        <v>1</v>
      </c>
      <c r="H6" s="311" t="s">
        <v>13</v>
      </c>
      <c r="I6" s="742" t="s">
        <v>168</v>
      </c>
    </row>
    <row r="7" spans="1:10" s="49" customFormat="1" ht="12.75" customHeight="1">
      <c r="A7" s="163">
        <v>6</v>
      </c>
      <c r="B7" s="53" t="s">
        <v>64</v>
      </c>
      <c r="C7" s="744">
        <v>3075.1625509999999</v>
      </c>
      <c r="D7" s="744">
        <v>0.14805699999999999</v>
      </c>
      <c r="E7" s="744">
        <v>0.37379299999999999</v>
      </c>
      <c r="F7" s="744"/>
      <c r="G7" s="744"/>
      <c r="H7" s="744">
        <v>3075.684401</v>
      </c>
      <c r="I7" s="744">
        <v>1500.1603319999999</v>
      </c>
    </row>
    <row r="8" spans="1:10" s="49" customFormat="1" ht="12.75" customHeight="1">
      <c r="A8" s="163">
        <v>7</v>
      </c>
      <c r="B8" s="743" t="s">
        <v>21</v>
      </c>
      <c r="C8" s="744"/>
      <c r="D8" s="744"/>
      <c r="E8" s="744"/>
      <c r="F8" s="744"/>
      <c r="G8" s="744">
        <v>220.06399999999999</v>
      </c>
      <c r="H8" s="744">
        <v>220.06399999999999</v>
      </c>
      <c r="I8" s="744">
        <v>220.075231</v>
      </c>
    </row>
    <row r="9" spans="1:10" s="49" customFormat="1" ht="12.75" customHeight="1">
      <c r="A9" s="163">
        <v>8</v>
      </c>
      <c r="B9" s="53" t="s">
        <v>65</v>
      </c>
      <c r="C9" s="744"/>
      <c r="D9" s="744"/>
      <c r="E9" s="744"/>
      <c r="F9" s="744">
        <v>1.1184069999999999</v>
      </c>
      <c r="G9" s="744"/>
      <c r="H9" s="744">
        <v>1.1184069999999999</v>
      </c>
      <c r="I9" s="744">
        <v>1.1184069999999999</v>
      </c>
    </row>
    <row r="10" spans="1:10" s="56" customFormat="1" ht="12.75" customHeight="1">
      <c r="A10" s="167">
        <v>11</v>
      </c>
      <c r="B10" s="55" t="s">
        <v>13</v>
      </c>
      <c r="C10" s="745">
        <v>3075.1625509999999</v>
      </c>
      <c r="D10" s="745">
        <v>0.14805699999999999</v>
      </c>
      <c r="E10" s="745">
        <v>0.37379299999999999</v>
      </c>
      <c r="F10" s="745">
        <v>1.1184069999999999</v>
      </c>
      <c r="G10" s="745">
        <v>220.06399999999999</v>
      </c>
      <c r="H10" s="745">
        <v>3296.8668079999998</v>
      </c>
      <c r="I10" s="745">
        <v>1721.3539699999999</v>
      </c>
    </row>
    <row r="11" spans="1:10" s="56" customFormat="1">
      <c r="A11" s="167"/>
      <c r="B11" s="55"/>
      <c r="C11" s="33"/>
      <c r="D11" s="33"/>
      <c r="E11" s="33"/>
      <c r="F11" s="33"/>
      <c r="G11" s="33"/>
      <c r="H11" s="33"/>
      <c r="I11" s="33"/>
    </row>
    <row r="12" spans="1:10">
      <c r="A12" s="50"/>
      <c r="B12" s="51"/>
    </row>
    <row r="13" spans="1:10" ht="20.25" customHeight="1">
      <c r="A13" s="50"/>
      <c r="B13" s="933" t="s">
        <v>94</v>
      </c>
      <c r="C13" s="933"/>
      <c r="D13" s="933"/>
      <c r="E13" s="933"/>
      <c r="F13" s="933"/>
      <c r="G13" s="933"/>
      <c r="H13" s="933"/>
      <c r="I13" s="933"/>
    </row>
    <row r="14" spans="1:10" ht="26">
      <c r="A14" s="50"/>
      <c r="B14" s="52" t="s">
        <v>694</v>
      </c>
      <c r="C14" s="318">
        <v>0.02</v>
      </c>
      <c r="D14" s="318">
        <v>0.2</v>
      </c>
      <c r="E14" s="318">
        <v>0.5</v>
      </c>
      <c r="F14" s="318">
        <v>0.75</v>
      </c>
      <c r="G14" s="318">
        <v>1</v>
      </c>
      <c r="H14" s="320" t="s">
        <v>13</v>
      </c>
      <c r="I14" s="318" t="s">
        <v>168</v>
      </c>
    </row>
    <row r="15" spans="1:10" s="49" customFormat="1" ht="12.75" customHeight="1">
      <c r="A15" s="163">
        <v>6</v>
      </c>
      <c r="B15" s="325" t="s">
        <v>64</v>
      </c>
      <c r="C15" s="500">
        <v>2669.8441389999998</v>
      </c>
      <c r="D15" s="500">
        <v>0.22350100000000001</v>
      </c>
      <c r="E15" s="500">
        <v>0.366261</v>
      </c>
      <c r="F15" s="744"/>
      <c r="G15" s="744"/>
      <c r="H15" s="744">
        <v>2670.4339009999999</v>
      </c>
      <c r="I15" s="755">
        <v>2670.4339009999999</v>
      </c>
      <c r="J15" s="47"/>
    </row>
    <row r="16" spans="1:10" s="49" customFormat="1" ht="12.75" customHeight="1">
      <c r="A16" s="163">
        <v>7</v>
      </c>
      <c r="B16" s="325" t="s">
        <v>21</v>
      </c>
      <c r="C16" s="744"/>
      <c r="D16" s="744"/>
      <c r="E16" s="744"/>
      <c r="F16" s="744"/>
      <c r="G16" s="744">
        <v>337.13177300000001</v>
      </c>
      <c r="H16" s="744">
        <v>337.13177300000001</v>
      </c>
      <c r="I16" s="744">
        <v>337.13177300000001</v>
      </c>
      <c r="J16" s="47"/>
    </row>
    <row r="17" spans="1:10" s="49" customFormat="1" ht="12.75" customHeight="1">
      <c r="A17" s="163">
        <v>8</v>
      </c>
      <c r="B17" s="325" t="s">
        <v>65</v>
      </c>
      <c r="C17" s="744"/>
      <c r="D17" s="744"/>
      <c r="E17" s="744"/>
      <c r="F17" s="744">
        <v>0.53160799999999997</v>
      </c>
      <c r="G17" s="744"/>
      <c r="H17" s="744">
        <v>0.53160799999999997</v>
      </c>
      <c r="I17" s="744">
        <v>0.53160799999999997</v>
      </c>
      <c r="J17" s="47"/>
    </row>
    <row r="18" spans="1:10" s="56" customFormat="1" ht="12.75" customHeight="1">
      <c r="A18" s="167">
        <v>11</v>
      </c>
      <c r="B18" s="326" t="s">
        <v>13</v>
      </c>
      <c r="C18" s="745">
        <v>2669.8441389999998</v>
      </c>
      <c r="D18" s="745">
        <v>0.22350100000000001</v>
      </c>
      <c r="E18" s="745">
        <v>0.366261</v>
      </c>
      <c r="F18" s="745">
        <v>0.53160799999999997</v>
      </c>
      <c r="G18" s="745">
        <v>337.13177300000001</v>
      </c>
      <c r="H18" s="745">
        <v>3008.0972819999997</v>
      </c>
      <c r="I18" s="745">
        <v>3008.0972819999997</v>
      </c>
      <c r="J18" s="47"/>
    </row>
  </sheetData>
  <mergeCells count="2">
    <mergeCell ref="B5:I5"/>
    <mergeCell ref="B13:I13"/>
  </mergeCells>
  <pageMargins left="0.70866141732283472" right="0.70866141732283472" top="0.74803149606299213" bottom="0.74803149606299213" header="0.31496062992125984" footer="0.31496062992125984"/>
  <pageSetup paperSize="9" scale="87" fitToHeight="2" orientation="landscape" r:id="rId1"/>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A00-000000000000}">
  <sheetPr codeName="Sheet43">
    <pageSetUpPr fitToPage="1"/>
  </sheetPr>
  <dimension ref="A1:R56"/>
  <sheetViews>
    <sheetView zoomScaleNormal="100" workbookViewId="0">
      <selection activeCell="B3" sqref="B3"/>
    </sheetView>
  </sheetViews>
  <sheetFormatPr defaultColWidth="9" defaultRowHeight="13"/>
  <cols>
    <col min="1" max="1" width="6.83203125" style="27" customWidth="1"/>
    <col min="2" max="2" width="41.5" style="45" customWidth="1"/>
    <col min="3" max="3" width="15.75" style="45" customWidth="1"/>
    <col min="4" max="8" width="12.25" style="27" customWidth="1"/>
    <col min="9" max="10" width="12.25" style="29" customWidth="1"/>
    <col min="11" max="11" width="2.75" style="27" customWidth="1"/>
    <col min="12" max="16" width="12.25" style="27" customWidth="1"/>
    <col min="17" max="18" width="12.25" style="29" customWidth="1"/>
    <col min="19" max="234" width="9" style="27"/>
    <col min="235" max="235" width="7.58203125" style="27" customWidth="1"/>
    <col min="236" max="236" width="41.5" style="27" customWidth="1"/>
    <col min="237" max="237" width="15.75" style="27" customWidth="1"/>
    <col min="238" max="244" width="12.25" style="27" customWidth="1"/>
    <col min="245" max="245" width="2.75" style="27" customWidth="1"/>
    <col min="246" max="252" width="11.75" style="27" customWidth="1"/>
    <col min="253" max="253" width="9" style="27"/>
    <col min="254" max="254" width="13" style="27" customWidth="1"/>
    <col min="255" max="255" width="9" style="27"/>
    <col min="256" max="256" width="11.75" style="27" customWidth="1"/>
    <col min="257" max="258" width="9" style="27"/>
    <col min="259" max="259" width="11.75" style="27" customWidth="1"/>
    <col min="260" max="260" width="10.25" style="27" customWidth="1"/>
    <col min="261" max="490" width="9" style="27"/>
    <col min="491" max="491" width="7.58203125" style="27" customWidth="1"/>
    <col min="492" max="492" width="41.5" style="27" customWidth="1"/>
    <col min="493" max="493" width="15.75" style="27" customWidth="1"/>
    <col min="494" max="500" width="12.25" style="27" customWidth="1"/>
    <col min="501" max="501" width="2.75" style="27" customWidth="1"/>
    <col min="502" max="508" width="11.75" style="27" customWidth="1"/>
    <col min="509" max="509" width="9" style="27"/>
    <col min="510" max="510" width="13" style="27" customWidth="1"/>
    <col min="511" max="511" width="9" style="27"/>
    <col min="512" max="512" width="11.75" style="27" customWidth="1"/>
    <col min="513" max="514" width="9" style="27"/>
    <col min="515" max="515" width="11.75" style="27" customWidth="1"/>
    <col min="516" max="516" width="10.25" style="27" customWidth="1"/>
    <col min="517" max="746" width="9" style="27"/>
    <col min="747" max="747" width="7.58203125" style="27" customWidth="1"/>
    <col min="748" max="748" width="41.5" style="27" customWidth="1"/>
    <col min="749" max="749" width="15.75" style="27" customWidth="1"/>
    <col min="750" max="756" width="12.25" style="27" customWidth="1"/>
    <col min="757" max="757" width="2.75" style="27" customWidth="1"/>
    <col min="758" max="764" width="11.75" style="27" customWidth="1"/>
    <col min="765" max="765" width="9" style="27"/>
    <col min="766" max="766" width="13" style="27" customWidth="1"/>
    <col min="767" max="767" width="9" style="27"/>
    <col min="768" max="768" width="11.75" style="27" customWidth="1"/>
    <col min="769" max="770" width="9" style="27"/>
    <col min="771" max="771" width="11.75" style="27" customWidth="1"/>
    <col min="772" max="772" width="10.25" style="27" customWidth="1"/>
    <col min="773" max="1002" width="9" style="27"/>
    <col min="1003" max="1003" width="7.58203125" style="27" customWidth="1"/>
    <col min="1004" max="1004" width="41.5" style="27" customWidth="1"/>
    <col min="1005" max="1005" width="15.75" style="27" customWidth="1"/>
    <col min="1006" max="1012" width="12.25" style="27" customWidth="1"/>
    <col min="1013" max="1013" width="2.75" style="27" customWidth="1"/>
    <col min="1014" max="1020" width="11.75" style="27" customWidth="1"/>
    <col min="1021" max="1021" width="9" style="27"/>
    <col min="1022" max="1022" width="13" style="27" customWidth="1"/>
    <col min="1023" max="1023" width="9" style="27"/>
    <col min="1024" max="1024" width="11.75" style="27" customWidth="1"/>
    <col min="1025" max="1026" width="9" style="27"/>
    <col min="1027" max="1027" width="11.75" style="27" customWidth="1"/>
    <col min="1028" max="1028" width="10.25" style="27" customWidth="1"/>
    <col min="1029" max="1258" width="9" style="27"/>
    <col min="1259" max="1259" width="7.58203125" style="27" customWidth="1"/>
    <col min="1260" max="1260" width="41.5" style="27" customWidth="1"/>
    <col min="1261" max="1261" width="15.75" style="27" customWidth="1"/>
    <col min="1262" max="1268" width="12.25" style="27" customWidth="1"/>
    <col min="1269" max="1269" width="2.75" style="27" customWidth="1"/>
    <col min="1270" max="1276" width="11.75" style="27" customWidth="1"/>
    <col min="1277" max="1277" width="9" style="27"/>
    <col min="1278" max="1278" width="13" style="27" customWidth="1"/>
    <col min="1279" max="1279" width="9" style="27"/>
    <col min="1280" max="1280" width="11.75" style="27" customWidth="1"/>
    <col min="1281" max="1282" width="9" style="27"/>
    <col min="1283" max="1283" width="11.75" style="27" customWidth="1"/>
    <col min="1284" max="1284" width="10.25" style="27" customWidth="1"/>
    <col min="1285" max="1514" width="9" style="27"/>
    <col min="1515" max="1515" width="7.58203125" style="27" customWidth="1"/>
    <col min="1516" max="1516" width="41.5" style="27" customWidth="1"/>
    <col min="1517" max="1517" width="15.75" style="27" customWidth="1"/>
    <col min="1518" max="1524" width="12.25" style="27" customWidth="1"/>
    <col min="1525" max="1525" width="2.75" style="27" customWidth="1"/>
    <col min="1526" max="1532" width="11.75" style="27" customWidth="1"/>
    <col min="1533" max="1533" width="9" style="27"/>
    <col min="1534" max="1534" width="13" style="27" customWidth="1"/>
    <col min="1535" max="1535" width="9" style="27"/>
    <col min="1536" max="1536" width="11.75" style="27" customWidth="1"/>
    <col min="1537" max="1538" width="9" style="27"/>
    <col min="1539" max="1539" width="11.75" style="27" customWidth="1"/>
    <col min="1540" max="1540" width="10.25" style="27" customWidth="1"/>
    <col min="1541" max="1770" width="9" style="27"/>
    <col min="1771" max="1771" width="7.58203125" style="27" customWidth="1"/>
    <col min="1772" max="1772" width="41.5" style="27" customWidth="1"/>
    <col min="1773" max="1773" width="15.75" style="27" customWidth="1"/>
    <col min="1774" max="1780" width="12.25" style="27" customWidth="1"/>
    <col min="1781" max="1781" width="2.75" style="27" customWidth="1"/>
    <col min="1782" max="1788" width="11.75" style="27" customWidth="1"/>
    <col min="1789" max="1789" width="9" style="27"/>
    <col min="1790" max="1790" width="13" style="27" customWidth="1"/>
    <col min="1791" max="1791" width="9" style="27"/>
    <col min="1792" max="1792" width="11.75" style="27" customWidth="1"/>
    <col min="1793" max="1794" width="9" style="27"/>
    <col min="1795" max="1795" width="11.75" style="27" customWidth="1"/>
    <col min="1796" max="1796" width="10.25" style="27" customWidth="1"/>
    <col min="1797" max="2026" width="9" style="27"/>
    <col min="2027" max="2027" width="7.58203125" style="27" customWidth="1"/>
    <col min="2028" max="2028" width="41.5" style="27" customWidth="1"/>
    <col min="2029" max="2029" width="15.75" style="27" customWidth="1"/>
    <col min="2030" max="2036" width="12.25" style="27" customWidth="1"/>
    <col min="2037" max="2037" width="2.75" style="27" customWidth="1"/>
    <col min="2038" max="2044" width="11.75" style="27" customWidth="1"/>
    <col min="2045" max="2045" width="9" style="27"/>
    <col min="2046" max="2046" width="13" style="27" customWidth="1"/>
    <col min="2047" max="2047" width="9" style="27"/>
    <col min="2048" max="2048" width="11.75" style="27" customWidth="1"/>
    <col min="2049" max="2050" width="9" style="27"/>
    <col min="2051" max="2051" width="11.75" style="27" customWidth="1"/>
    <col min="2052" max="2052" width="10.25" style="27" customWidth="1"/>
    <col min="2053" max="2282" width="9" style="27"/>
    <col min="2283" max="2283" width="7.58203125" style="27" customWidth="1"/>
    <col min="2284" max="2284" width="41.5" style="27" customWidth="1"/>
    <col min="2285" max="2285" width="15.75" style="27" customWidth="1"/>
    <col min="2286" max="2292" width="12.25" style="27" customWidth="1"/>
    <col min="2293" max="2293" width="2.75" style="27" customWidth="1"/>
    <col min="2294" max="2300" width="11.75" style="27" customWidth="1"/>
    <col min="2301" max="2301" width="9" style="27"/>
    <col min="2302" max="2302" width="13" style="27" customWidth="1"/>
    <col min="2303" max="2303" width="9" style="27"/>
    <col min="2304" max="2304" width="11.75" style="27" customWidth="1"/>
    <col min="2305" max="2306" width="9" style="27"/>
    <col min="2307" max="2307" width="11.75" style="27" customWidth="1"/>
    <col min="2308" max="2308" width="10.25" style="27" customWidth="1"/>
    <col min="2309" max="2538" width="9" style="27"/>
    <col min="2539" max="2539" width="7.58203125" style="27" customWidth="1"/>
    <col min="2540" max="2540" width="41.5" style="27" customWidth="1"/>
    <col min="2541" max="2541" width="15.75" style="27" customWidth="1"/>
    <col min="2542" max="2548" width="12.25" style="27" customWidth="1"/>
    <col min="2549" max="2549" width="2.75" style="27" customWidth="1"/>
    <col min="2550" max="2556" width="11.75" style="27" customWidth="1"/>
    <col min="2557" max="2557" width="9" style="27"/>
    <col min="2558" max="2558" width="13" style="27" customWidth="1"/>
    <col min="2559" max="2559" width="9" style="27"/>
    <col min="2560" max="2560" width="11.75" style="27" customWidth="1"/>
    <col min="2561" max="2562" width="9" style="27"/>
    <col min="2563" max="2563" width="11.75" style="27" customWidth="1"/>
    <col min="2564" max="2564" width="10.25" style="27" customWidth="1"/>
    <col min="2565" max="2794" width="9" style="27"/>
    <col min="2795" max="2795" width="7.58203125" style="27" customWidth="1"/>
    <col min="2796" max="2796" width="41.5" style="27" customWidth="1"/>
    <col min="2797" max="2797" width="15.75" style="27" customWidth="1"/>
    <col min="2798" max="2804" width="12.25" style="27" customWidth="1"/>
    <col min="2805" max="2805" width="2.75" style="27" customWidth="1"/>
    <col min="2806" max="2812" width="11.75" style="27" customWidth="1"/>
    <col min="2813" max="2813" width="9" style="27"/>
    <col min="2814" max="2814" width="13" style="27" customWidth="1"/>
    <col min="2815" max="2815" width="9" style="27"/>
    <col min="2816" max="2816" width="11.75" style="27" customWidth="1"/>
    <col min="2817" max="2818" width="9" style="27"/>
    <col min="2819" max="2819" width="11.75" style="27" customWidth="1"/>
    <col min="2820" max="2820" width="10.25" style="27" customWidth="1"/>
    <col min="2821" max="3050" width="9" style="27"/>
    <col min="3051" max="3051" width="7.58203125" style="27" customWidth="1"/>
    <col min="3052" max="3052" width="41.5" style="27" customWidth="1"/>
    <col min="3053" max="3053" width="15.75" style="27" customWidth="1"/>
    <col min="3054" max="3060" width="12.25" style="27" customWidth="1"/>
    <col min="3061" max="3061" width="2.75" style="27" customWidth="1"/>
    <col min="3062" max="3068" width="11.75" style="27" customWidth="1"/>
    <col min="3069" max="3069" width="9" style="27"/>
    <col min="3070" max="3070" width="13" style="27" customWidth="1"/>
    <col min="3071" max="3071" width="9" style="27"/>
    <col min="3072" max="3072" width="11.75" style="27" customWidth="1"/>
    <col min="3073" max="3074" width="9" style="27"/>
    <col min="3075" max="3075" width="11.75" style="27" customWidth="1"/>
    <col min="3076" max="3076" width="10.25" style="27" customWidth="1"/>
    <col min="3077" max="3306" width="9" style="27"/>
    <col min="3307" max="3307" width="7.58203125" style="27" customWidth="1"/>
    <col min="3308" max="3308" width="41.5" style="27" customWidth="1"/>
    <col min="3309" max="3309" width="15.75" style="27" customWidth="1"/>
    <col min="3310" max="3316" width="12.25" style="27" customWidth="1"/>
    <col min="3317" max="3317" width="2.75" style="27" customWidth="1"/>
    <col min="3318" max="3324" width="11.75" style="27" customWidth="1"/>
    <col min="3325" max="3325" width="9" style="27"/>
    <col min="3326" max="3326" width="13" style="27" customWidth="1"/>
    <col min="3327" max="3327" width="9" style="27"/>
    <col min="3328" max="3328" width="11.75" style="27" customWidth="1"/>
    <col min="3329" max="3330" width="9" style="27"/>
    <col min="3331" max="3331" width="11.75" style="27" customWidth="1"/>
    <col min="3332" max="3332" width="10.25" style="27" customWidth="1"/>
    <col min="3333" max="3562" width="9" style="27"/>
    <col min="3563" max="3563" width="7.58203125" style="27" customWidth="1"/>
    <col min="3564" max="3564" width="41.5" style="27" customWidth="1"/>
    <col min="3565" max="3565" width="15.75" style="27" customWidth="1"/>
    <col min="3566" max="3572" width="12.25" style="27" customWidth="1"/>
    <col min="3573" max="3573" width="2.75" style="27" customWidth="1"/>
    <col min="3574" max="3580" width="11.75" style="27" customWidth="1"/>
    <col min="3581" max="3581" width="9" style="27"/>
    <col min="3582" max="3582" width="13" style="27" customWidth="1"/>
    <col min="3583" max="3583" width="9" style="27"/>
    <col min="3584" max="3584" width="11.75" style="27" customWidth="1"/>
    <col min="3585" max="3586" width="9" style="27"/>
    <col min="3587" max="3587" width="11.75" style="27" customWidth="1"/>
    <col min="3588" max="3588" width="10.25" style="27" customWidth="1"/>
    <col min="3589" max="3818" width="9" style="27"/>
    <col min="3819" max="3819" width="7.58203125" style="27" customWidth="1"/>
    <col min="3820" max="3820" width="41.5" style="27" customWidth="1"/>
    <col min="3821" max="3821" width="15.75" style="27" customWidth="1"/>
    <col min="3822" max="3828" width="12.25" style="27" customWidth="1"/>
    <col min="3829" max="3829" width="2.75" style="27" customWidth="1"/>
    <col min="3830" max="3836" width="11.75" style="27" customWidth="1"/>
    <col min="3837" max="3837" width="9" style="27"/>
    <col min="3838" max="3838" width="13" style="27" customWidth="1"/>
    <col min="3839" max="3839" width="9" style="27"/>
    <col min="3840" max="3840" width="11.75" style="27" customWidth="1"/>
    <col min="3841" max="3842" width="9" style="27"/>
    <col min="3843" max="3843" width="11.75" style="27" customWidth="1"/>
    <col min="3844" max="3844" width="10.25" style="27" customWidth="1"/>
    <col min="3845" max="4074" width="9" style="27"/>
    <col min="4075" max="4075" width="7.58203125" style="27" customWidth="1"/>
    <col min="4076" max="4076" width="41.5" style="27" customWidth="1"/>
    <col min="4077" max="4077" width="15.75" style="27" customWidth="1"/>
    <col min="4078" max="4084" width="12.25" style="27" customWidth="1"/>
    <col min="4085" max="4085" width="2.75" style="27" customWidth="1"/>
    <col min="4086" max="4092" width="11.75" style="27" customWidth="1"/>
    <col min="4093" max="4093" width="9" style="27"/>
    <col min="4094" max="4094" width="13" style="27" customWidth="1"/>
    <col min="4095" max="4095" width="9" style="27"/>
    <col min="4096" max="4096" width="11.75" style="27" customWidth="1"/>
    <col min="4097" max="4098" width="9" style="27"/>
    <col min="4099" max="4099" width="11.75" style="27" customWidth="1"/>
    <col min="4100" max="4100" width="10.25" style="27" customWidth="1"/>
    <col min="4101" max="4330" width="9" style="27"/>
    <col min="4331" max="4331" width="7.58203125" style="27" customWidth="1"/>
    <col min="4332" max="4332" width="41.5" style="27" customWidth="1"/>
    <col min="4333" max="4333" width="15.75" style="27" customWidth="1"/>
    <col min="4334" max="4340" width="12.25" style="27" customWidth="1"/>
    <col min="4341" max="4341" width="2.75" style="27" customWidth="1"/>
    <col min="4342" max="4348" width="11.75" style="27" customWidth="1"/>
    <col min="4349" max="4349" width="9" style="27"/>
    <col min="4350" max="4350" width="13" style="27" customWidth="1"/>
    <col min="4351" max="4351" width="9" style="27"/>
    <col min="4352" max="4352" width="11.75" style="27" customWidth="1"/>
    <col min="4353" max="4354" width="9" style="27"/>
    <col min="4355" max="4355" width="11.75" style="27" customWidth="1"/>
    <col min="4356" max="4356" width="10.25" style="27" customWidth="1"/>
    <col min="4357" max="4586" width="9" style="27"/>
    <col min="4587" max="4587" width="7.58203125" style="27" customWidth="1"/>
    <col min="4588" max="4588" width="41.5" style="27" customWidth="1"/>
    <col min="4589" max="4589" width="15.75" style="27" customWidth="1"/>
    <col min="4590" max="4596" width="12.25" style="27" customWidth="1"/>
    <col min="4597" max="4597" width="2.75" style="27" customWidth="1"/>
    <col min="4598" max="4604" width="11.75" style="27" customWidth="1"/>
    <col min="4605" max="4605" width="9" style="27"/>
    <col min="4606" max="4606" width="13" style="27" customWidth="1"/>
    <col min="4607" max="4607" width="9" style="27"/>
    <col min="4608" max="4608" width="11.75" style="27" customWidth="1"/>
    <col min="4609" max="4610" width="9" style="27"/>
    <col min="4611" max="4611" width="11.75" style="27" customWidth="1"/>
    <col min="4612" max="4612" width="10.25" style="27" customWidth="1"/>
    <col min="4613" max="4842" width="9" style="27"/>
    <col min="4843" max="4843" width="7.58203125" style="27" customWidth="1"/>
    <col min="4844" max="4844" width="41.5" style="27" customWidth="1"/>
    <col min="4845" max="4845" width="15.75" style="27" customWidth="1"/>
    <col min="4846" max="4852" width="12.25" style="27" customWidth="1"/>
    <col min="4853" max="4853" width="2.75" style="27" customWidth="1"/>
    <col min="4854" max="4860" width="11.75" style="27" customWidth="1"/>
    <col min="4861" max="4861" width="9" style="27"/>
    <col min="4862" max="4862" width="13" style="27" customWidth="1"/>
    <col min="4863" max="4863" width="9" style="27"/>
    <col min="4864" max="4864" width="11.75" style="27" customWidth="1"/>
    <col min="4865" max="4866" width="9" style="27"/>
    <col min="4867" max="4867" width="11.75" style="27" customWidth="1"/>
    <col min="4868" max="4868" width="10.25" style="27" customWidth="1"/>
    <col min="4869" max="5098" width="9" style="27"/>
    <col min="5099" max="5099" width="7.58203125" style="27" customWidth="1"/>
    <col min="5100" max="5100" width="41.5" style="27" customWidth="1"/>
    <col min="5101" max="5101" width="15.75" style="27" customWidth="1"/>
    <col min="5102" max="5108" width="12.25" style="27" customWidth="1"/>
    <col min="5109" max="5109" width="2.75" style="27" customWidth="1"/>
    <col min="5110" max="5116" width="11.75" style="27" customWidth="1"/>
    <col min="5117" max="5117" width="9" style="27"/>
    <col min="5118" max="5118" width="13" style="27" customWidth="1"/>
    <col min="5119" max="5119" width="9" style="27"/>
    <col min="5120" max="5120" width="11.75" style="27" customWidth="1"/>
    <col min="5121" max="5122" width="9" style="27"/>
    <col min="5123" max="5123" width="11.75" style="27" customWidth="1"/>
    <col min="5124" max="5124" width="10.25" style="27" customWidth="1"/>
    <col min="5125" max="5354" width="9" style="27"/>
    <col min="5355" max="5355" width="7.58203125" style="27" customWidth="1"/>
    <col min="5356" max="5356" width="41.5" style="27" customWidth="1"/>
    <col min="5357" max="5357" width="15.75" style="27" customWidth="1"/>
    <col min="5358" max="5364" width="12.25" style="27" customWidth="1"/>
    <col min="5365" max="5365" width="2.75" style="27" customWidth="1"/>
    <col min="5366" max="5372" width="11.75" style="27" customWidth="1"/>
    <col min="5373" max="5373" width="9" style="27"/>
    <col min="5374" max="5374" width="13" style="27" customWidth="1"/>
    <col min="5375" max="5375" width="9" style="27"/>
    <col min="5376" max="5376" width="11.75" style="27" customWidth="1"/>
    <col min="5377" max="5378" width="9" style="27"/>
    <col min="5379" max="5379" width="11.75" style="27" customWidth="1"/>
    <col min="5380" max="5380" width="10.25" style="27" customWidth="1"/>
    <col min="5381" max="5610" width="9" style="27"/>
    <col min="5611" max="5611" width="7.58203125" style="27" customWidth="1"/>
    <col min="5612" max="5612" width="41.5" style="27" customWidth="1"/>
    <col min="5613" max="5613" width="15.75" style="27" customWidth="1"/>
    <col min="5614" max="5620" width="12.25" style="27" customWidth="1"/>
    <col min="5621" max="5621" width="2.75" style="27" customWidth="1"/>
    <col min="5622" max="5628" width="11.75" style="27" customWidth="1"/>
    <col min="5629" max="5629" width="9" style="27"/>
    <col min="5630" max="5630" width="13" style="27" customWidth="1"/>
    <col min="5631" max="5631" width="9" style="27"/>
    <col min="5632" max="5632" width="11.75" style="27" customWidth="1"/>
    <col min="5633" max="5634" width="9" style="27"/>
    <col min="5635" max="5635" width="11.75" style="27" customWidth="1"/>
    <col min="5636" max="5636" width="10.25" style="27" customWidth="1"/>
    <col min="5637" max="5866" width="9" style="27"/>
    <col min="5867" max="5867" width="7.58203125" style="27" customWidth="1"/>
    <col min="5868" max="5868" width="41.5" style="27" customWidth="1"/>
    <col min="5869" max="5869" width="15.75" style="27" customWidth="1"/>
    <col min="5870" max="5876" width="12.25" style="27" customWidth="1"/>
    <col min="5877" max="5877" width="2.75" style="27" customWidth="1"/>
    <col min="5878" max="5884" width="11.75" style="27" customWidth="1"/>
    <col min="5885" max="5885" width="9" style="27"/>
    <col min="5886" max="5886" width="13" style="27" customWidth="1"/>
    <col min="5887" max="5887" width="9" style="27"/>
    <col min="5888" max="5888" width="11.75" style="27" customWidth="1"/>
    <col min="5889" max="5890" width="9" style="27"/>
    <col min="5891" max="5891" width="11.75" style="27" customWidth="1"/>
    <col min="5892" max="5892" width="10.25" style="27" customWidth="1"/>
    <col min="5893" max="6122" width="9" style="27"/>
    <col min="6123" max="6123" width="7.58203125" style="27" customWidth="1"/>
    <col min="6124" max="6124" width="41.5" style="27" customWidth="1"/>
    <col min="6125" max="6125" width="15.75" style="27" customWidth="1"/>
    <col min="6126" max="6132" width="12.25" style="27" customWidth="1"/>
    <col min="6133" max="6133" width="2.75" style="27" customWidth="1"/>
    <col min="6134" max="6140" width="11.75" style="27" customWidth="1"/>
    <col min="6141" max="6141" width="9" style="27"/>
    <col min="6142" max="6142" width="13" style="27" customWidth="1"/>
    <col min="6143" max="6143" width="9" style="27"/>
    <col min="6144" max="6144" width="11.75" style="27" customWidth="1"/>
    <col min="6145" max="6146" width="9" style="27"/>
    <col min="6147" max="6147" width="11.75" style="27" customWidth="1"/>
    <col min="6148" max="6148" width="10.25" style="27" customWidth="1"/>
    <col min="6149" max="6378" width="9" style="27"/>
    <col min="6379" max="6379" width="7.58203125" style="27" customWidth="1"/>
    <col min="6380" max="6380" width="41.5" style="27" customWidth="1"/>
    <col min="6381" max="6381" width="15.75" style="27" customWidth="1"/>
    <col min="6382" max="6388" width="12.25" style="27" customWidth="1"/>
    <col min="6389" max="6389" width="2.75" style="27" customWidth="1"/>
    <col min="6390" max="6396" width="11.75" style="27" customWidth="1"/>
    <col min="6397" max="6397" width="9" style="27"/>
    <col min="6398" max="6398" width="13" style="27" customWidth="1"/>
    <col min="6399" max="6399" width="9" style="27"/>
    <col min="6400" max="6400" width="11.75" style="27" customWidth="1"/>
    <col min="6401" max="6402" width="9" style="27"/>
    <col min="6403" max="6403" width="11.75" style="27" customWidth="1"/>
    <col min="6404" max="6404" width="10.25" style="27" customWidth="1"/>
    <col min="6405" max="6634" width="9" style="27"/>
    <col min="6635" max="6635" width="7.58203125" style="27" customWidth="1"/>
    <col min="6636" max="6636" width="41.5" style="27" customWidth="1"/>
    <col min="6637" max="6637" width="15.75" style="27" customWidth="1"/>
    <col min="6638" max="6644" width="12.25" style="27" customWidth="1"/>
    <col min="6645" max="6645" width="2.75" style="27" customWidth="1"/>
    <col min="6646" max="6652" width="11.75" style="27" customWidth="1"/>
    <col min="6653" max="6653" width="9" style="27"/>
    <col min="6654" max="6654" width="13" style="27" customWidth="1"/>
    <col min="6655" max="6655" width="9" style="27"/>
    <col min="6656" max="6656" width="11.75" style="27" customWidth="1"/>
    <col min="6657" max="6658" width="9" style="27"/>
    <col min="6659" max="6659" width="11.75" style="27" customWidth="1"/>
    <col min="6660" max="6660" width="10.25" style="27" customWidth="1"/>
    <col min="6661" max="6890" width="9" style="27"/>
    <col min="6891" max="6891" width="7.58203125" style="27" customWidth="1"/>
    <col min="6892" max="6892" width="41.5" style="27" customWidth="1"/>
    <col min="6893" max="6893" width="15.75" style="27" customWidth="1"/>
    <col min="6894" max="6900" width="12.25" style="27" customWidth="1"/>
    <col min="6901" max="6901" width="2.75" style="27" customWidth="1"/>
    <col min="6902" max="6908" width="11.75" style="27" customWidth="1"/>
    <col min="6909" max="6909" width="9" style="27"/>
    <col min="6910" max="6910" width="13" style="27" customWidth="1"/>
    <col min="6911" max="6911" width="9" style="27"/>
    <col min="6912" max="6912" width="11.75" style="27" customWidth="1"/>
    <col min="6913" max="6914" width="9" style="27"/>
    <col min="6915" max="6915" width="11.75" style="27" customWidth="1"/>
    <col min="6916" max="6916" width="10.25" style="27" customWidth="1"/>
    <col min="6917" max="7146" width="9" style="27"/>
    <col min="7147" max="7147" width="7.58203125" style="27" customWidth="1"/>
    <col min="7148" max="7148" width="41.5" style="27" customWidth="1"/>
    <col min="7149" max="7149" width="15.75" style="27" customWidth="1"/>
    <col min="7150" max="7156" width="12.25" style="27" customWidth="1"/>
    <col min="7157" max="7157" width="2.75" style="27" customWidth="1"/>
    <col min="7158" max="7164" width="11.75" style="27" customWidth="1"/>
    <col min="7165" max="7165" width="9" style="27"/>
    <col min="7166" max="7166" width="13" style="27" customWidth="1"/>
    <col min="7167" max="7167" width="9" style="27"/>
    <col min="7168" max="7168" width="11.75" style="27" customWidth="1"/>
    <col min="7169" max="7170" width="9" style="27"/>
    <col min="7171" max="7171" width="11.75" style="27" customWidth="1"/>
    <col min="7172" max="7172" width="10.25" style="27" customWidth="1"/>
    <col min="7173" max="7402" width="9" style="27"/>
    <col min="7403" max="7403" width="7.58203125" style="27" customWidth="1"/>
    <col min="7404" max="7404" width="41.5" style="27" customWidth="1"/>
    <col min="7405" max="7405" width="15.75" style="27" customWidth="1"/>
    <col min="7406" max="7412" width="12.25" style="27" customWidth="1"/>
    <col min="7413" max="7413" width="2.75" style="27" customWidth="1"/>
    <col min="7414" max="7420" width="11.75" style="27" customWidth="1"/>
    <col min="7421" max="7421" width="9" style="27"/>
    <col min="7422" max="7422" width="13" style="27" customWidth="1"/>
    <col min="7423" max="7423" width="9" style="27"/>
    <col min="7424" max="7424" width="11.75" style="27" customWidth="1"/>
    <col min="7425" max="7426" width="9" style="27"/>
    <col min="7427" max="7427" width="11.75" style="27" customWidth="1"/>
    <col min="7428" max="7428" width="10.25" style="27" customWidth="1"/>
    <col min="7429" max="7658" width="9" style="27"/>
    <col min="7659" max="7659" width="7.58203125" style="27" customWidth="1"/>
    <col min="7660" max="7660" width="41.5" style="27" customWidth="1"/>
    <col min="7661" max="7661" width="15.75" style="27" customWidth="1"/>
    <col min="7662" max="7668" width="12.25" style="27" customWidth="1"/>
    <col min="7669" max="7669" width="2.75" style="27" customWidth="1"/>
    <col min="7670" max="7676" width="11.75" style="27" customWidth="1"/>
    <col min="7677" max="7677" width="9" style="27"/>
    <col min="7678" max="7678" width="13" style="27" customWidth="1"/>
    <col min="7679" max="7679" width="9" style="27"/>
    <col min="7680" max="7680" width="11.75" style="27" customWidth="1"/>
    <col min="7681" max="7682" width="9" style="27"/>
    <col min="7683" max="7683" width="11.75" style="27" customWidth="1"/>
    <col min="7684" max="7684" width="10.25" style="27" customWidth="1"/>
    <col min="7685" max="7914" width="9" style="27"/>
    <col min="7915" max="7915" width="7.58203125" style="27" customWidth="1"/>
    <col min="7916" max="7916" width="41.5" style="27" customWidth="1"/>
    <col min="7917" max="7917" width="15.75" style="27" customWidth="1"/>
    <col min="7918" max="7924" width="12.25" style="27" customWidth="1"/>
    <col min="7925" max="7925" width="2.75" style="27" customWidth="1"/>
    <col min="7926" max="7932" width="11.75" style="27" customWidth="1"/>
    <col min="7933" max="7933" width="9" style="27"/>
    <col min="7934" max="7934" width="13" style="27" customWidth="1"/>
    <col min="7935" max="7935" width="9" style="27"/>
    <col min="7936" max="7936" width="11.75" style="27" customWidth="1"/>
    <col min="7937" max="7938" width="9" style="27"/>
    <col min="7939" max="7939" width="11.75" style="27" customWidth="1"/>
    <col min="7940" max="7940" width="10.25" style="27" customWidth="1"/>
    <col min="7941" max="8170" width="9" style="27"/>
    <col min="8171" max="8171" width="7.58203125" style="27" customWidth="1"/>
    <col min="8172" max="8172" width="41.5" style="27" customWidth="1"/>
    <col min="8173" max="8173" width="15.75" style="27" customWidth="1"/>
    <col min="8174" max="8180" width="12.25" style="27" customWidth="1"/>
    <col min="8181" max="8181" width="2.75" style="27" customWidth="1"/>
    <col min="8182" max="8188" width="11.75" style="27" customWidth="1"/>
    <col min="8189" max="8189" width="9" style="27"/>
    <col min="8190" max="8190" width="13" style="27" customWidth="1"/>
    <col min="8191" max="8191" width="9" style="27"/>
    <col min="8192" max="8192" width="11.75" style="27" customWidth="1"/>
    <col min="8193" max="8194" width="9" style="27"/>
    <col min="8195" max="8195" width="11.75" style="27" customWidth="1"/>
    <col min="8196" max="8196" width="10.25" style="27" customWidth="1"/>
    <col min="8197" max="8426" width="9" style="27"/>
    <col min="8427" max="8427" width="7.58203125" style="27" customWidth="1"/>
    <col min="8428" max="8428" width="41.5" style="27" customWidth="1"/>
    <col min="8429" max="8429" width="15.75" style="27" customWidth="1"/>
    <col min="8430" max="8436" width="12.25" style="27" customWidth="1"/>
    <col min="8437" max="8437" width="2.75" style="27" customWidth="1"/>
    <col min="8438" max="8444" width="11.75" style="27" customWidth="1"/>
    <col min="8445" max="8445" width="9" style="27"/>
    <col min="8446" max="8446" width="13" style="27" customWidth="1"/>
    <col min="8447" max="8447" width="9" style="27"/>
    <col min="8448" max="8448" width="11.75" style="27" customWidth="1"/>
    <col min="8449" max="8450" width="9" style="27"/>
    <col min="8451" max="8451" width="11.75" style="27" customWidth="1"/>
    <col min="8452" max="8452" width="10.25" style="27" customWidth="1"/>
    <col min="8453" max="8682" width="9" style="27"/>
    <col min="8683" max="8683" width="7.58203125" style="27" customWidth="1"/>
    <col min="8684" max="8684" width="41.5" style="27" customWidth="1"/>
    <col min="8685" max="8685" width="15.75" style="27" customWidth="1"/>
    <col min="8686" max="8692" width="12.25" style="27" customWidth="1"/>
    <col min="8693" max="8693" width="2.75" style="27" customWidth="1"/>
    <col min="8694" max="8700" width="11.75" style="27" customWidth="1"/>
    <col min="8701" max="8701" width="9" style="27"/>
    <col min="8702" max="8702" width="13" style="27" customWidth="1"/>
    <col min="8703" max="8703" width="9" style="27"/>
    <col min="8704" max="8704" width="11.75" style="27" customWidth="1"/>
    <col min="8705" max="8706" width="9" style="27"/>
    <col min="8707" max="8707" width="11.75" style="27" customWidth="1"/>
    <col min="8708" max="8708" width="10.25" style="27" customWidth="1"/>
    <col min="8709" max="8938" width="9" style="27"/>
    <col min="8939" max="8939" width="7.58203125" style="27" customWidth="1"/>
    <col min="8940" max="8940" width="41.5" style="27" customWidth="1"/>
    <col min="8941" max="8941" width="15.75" style="27" customWidth="1"/>
    <col min="8942" max="8948" width="12.25" style="27" customWidth="1"/>
    <col min="8949" max="8949" width="2.75" style="27" customWidth="1"/>
    <col min="8950" max="8956" width="11.75" style="27" customWidth="1"/>
    <col min="8957" max="8957" width="9" style="27"/>
    <col min="8958" max="8958" width="13" style="27" customWidth="1"/>
    <col min="8959" max="8959" width="9" style="27"/>
    <col min="8960" max="8960" width="11.75" style="27" customWidth="1"/>
    <col min="8961" max="8962" width="9" style="27"/>
    <col min="8963" max="8963" width="11.75" style="27" customWidth="1"/>
    <col min="8964" max="8964" width="10.25" style="27" customWidth="1"/>
    <col min="8965" max="9194" width="9" style="27"/>
    <col min="9195" max="9195" width="7.58203125" style="27" customWidth="1"/>
    <col min="9196" max="9196" width="41.5" style="27" customWidth="1"/>
    <col min="9197" max="9197" width="15.75" style="27" customWidth="1"/>
    <col min="9198" max="9204" width="12.25" style="27" customWidth="1"/>
    <col min="9205" max="9205" width="2.75" style="27" customWidth="1"/>
    <col min="9206" max="9212" width="11.75" style="27" customWidth="1"/>
    <col min="9213" max="9213" width="9" style="27"/>
    <col min="9214" max="9214" width="13" style="27" customWidth="1"/>
    <col min="9215" max="9215" width="9" style="27"/>
    <col min="9216" max="9216" width="11.75" style="27" customWidth="1"/>
    <col min="9217" max="9218" width="9" style="27"/>
    <col min="9219" max="9219" width="11.75" style="27" customWidth="1"/>
    <col min="9220" max="9220" width="10.25" style="27" customWidth="1"/>
    <col min="9221" max="9450" width="9" style="27"/>
    <col min="9451" max="9451" width="7.58203125" style="27" customWidth="1"/>
    <col min="9452" max="9452" width="41.5" style="27" customWidth="1"/>
    <col min="9453" max="9453" width="15.75" style="27" customWidth="1"/>
    <col min="9454" max="9460" width="12.25" style="27" customWidth="1"/>
    <col min="9461" max="9461" width="2.75" style="27" customWidth="1"/>
    <col min="9462" max="9468" width="11.75" style="27" customWidth="1"/>
    <col min="9469" max="9469" width="9" style="27"/>
    <col min="9470" max="9470" width="13" style="27" customWidth="1"/>
    <col min="9471" max="9471" width="9" style="27"/>
    <col min="9472" max="9472" width="11.75" style="27" customWidth="1"/>
    <col min="9473" max="9474" width="9" style="27"/>
    <col min="9475" max="9475" width="11.75" style="27" customWidth="1"/>
    <col min="9476" max="9476" width="10.25" style="27" customWidth="1"/>
    <col min="9477" max="9706" width="9" style="27"/>
    <col min="9707" max="9707" width="7.58203125" style="27" customWidth="1"/>
    <col min="9708" max="9708" width="41.5" style="27" customWidth="1"/>
    <col min="9709" max="9709" width="15.75" style="27" customWidth="1"/>
    <col min="9710" max="9716" width="12.25" style="27" customWidth="1"/>
    <col min="9717" max="9717" width="2.75" style="27" customWidth="1"/>
    <col min="9718" max="9724" width="11.75" style="27" customWidth="1"/>
    <col min="9725" max="9725" width="9" style="27"/>
    <col min="9726" max="9726" width="13" style="27" customWidth="1"/>
    <col min="9727" max="9727" width="9" style="27"/>
    <col min="9728" max="9728" width="11.75" style="27" customWidth="1"/>
    <col min="9729" max="9730" width="9" style="27"/>
    <col min="9731" max="9731" width="11.75" style="27" customWidth="1"/>
    <col min="9732" max="9732" width="10.25" style="27" customWidth="1"/>
    <col min="9733" max="9962" width="9" style="27"/>
    <col min="9963" max="9963" width="7.58203125" style="27" customWidth="1"/>
    <col min="9964" max="9964" width="41.5" style="27" customWidth="1"/>
    <col min="9965" max="9965" width="15.75" style="27" customWidth="1"/>
    <col min="9966" max="9972" width="12.25" style="27" customWidth="1"/>
    <col min="9973" max="9973" width="2.75" style="27" customWidth="1"/>
    <col min="9974" max="9980" width="11.75" style="27" customWidth="1"/>
    <col min="9981" max="9981" width="9" style="27"/>
    <col min="9982" max="9982" width="13" style="27" customWidth="1"/>
    <col min="9983" max="9983" width="9" style="27"/>
    <col min="9984" max="9984" width="11.75" style="27" customWidth="1"/>
    <col min="9985" max="9986" width="9" style="27"/>
    <col min="9987" max="9987" width="11.75" style="27" customWidth="1"/>
    <col min="9988" max="9988" width="10.25" style="27" customWidth="1"/>
    <col min="9989" max="10218" width="9" style="27"/>
    <col min="10219" max="10219" width="7.58203125" style="27" customWidth="1"/>
    <col min="10220" max="10220" width="41.5" style="27" customWidth="1"/>
    <col min="10221" max="10221" width="15.75" style="27" customWidth="1"/>
    <col min="10222" max="10228" width="12.25" style="27" customWidth="1"/>
    <col min="10229" max="10229" width="2.75" style="27" customWidth="1"/>
    <col min="10230" max="10236" width="11.75" style="27" customWidth="1"/>
    <col min="10237" max="10237" width="9" style="27"/>
    <col min="10238" max="10238" width="13" style="27" customWidth="1"/>
    <col min="10239" max="10239" width="9" style="27"/>
    <col min="10240" max="10240" width="11.75" style="27" customWidth="1"/>
    <col min="10241" max="10242" width="9" style="27"/>
    <col min="10243" max="10243" width="11.75" style="27" customWidth="1"/>
    <col min="10244" max="10244" width="10.25" style="27" customWidth="1"/>
    <col min="10245" max="10474" width="9" style="27"/>
    <col min="10475" max="10475" width="7.58203125" style="27" customWidth="1"/>
    <col min="10476" max="10476" width="41.5" style="27" customWidth="1"/>
    <col min="10477" max="10477" width="15.75" style="27" customWidth="1"/>
    <col min="10478" max="10484" width="12.25" style="27" customWidth="1"/>
    <col min="10485" max="10485" width="2.75" style="27" customWidth="1"/>
    <col min="10486" max="10492" width="11.75" style="27" customWidth="1"/>
    <col min="10493" max="10493" width="9" style="27"/>
    <col min="10494" max="10494" width="13" style="27" customWidth="1"/>
    <col min="10495" max="10495" width="9" style="27"/>
    <col min="10496" max="10496" width="11.75" style="27" customWidth="1"/>
    <col min="10497" max="10498" width="9" style="27"/>
    <col min="10499" max="10499" width="11.75" style="27" customWidth="1"/>
    <col min="10500" max="10500" width="10.25" style="27" customWidth="1"/>
    <col min="10501" max="10730" width="9" style="27"/>
    <col min="10731" max="10731" width="7.58203125" style="27" customWidth="1"/>
    <col min="10732" max="10732" width="41.5" style="27" customWidth="1"/>
    <col min="10733" max="10733" width="15.75" style="27" customWidth="1"/>
    <col min="10734" max="10740" width="12.25" style="27" customWidth="1"/>
    <col min="10741" max="10741" width="2.75" style="27" customWidth="1"/>
    <col min="10742" max="10748" width="11.75" style="27" customWidth="1"/>
    <col min="10749" max="10749" width="9" style="27"/>
    <col min="10750" max="10750" width="13" style="27" customWidth="1"/>
    <col min="10751" max="10751" width="9" style="27"/>
    <col min="10752" max="10752" width="11.75" style="27" customWidth="1"/>
    <col min="10753" max="10754" width="9" style="27"/>
    <col min="10755" max="10755" width="11.75" style="27" customWidth="1"/>
    <col min="10756" max="10756" width="10.25" style="27" customWidth="1"/>
    <col min="10757" max="10986" width="9" style="27"/>
    <col min="10987" max="10987" width="7.58203125" style="27" customWidth="1"/>
    <col min="10988" max="10988" width="41.5" style="27" customWidth="1"/>
    <col min="10989" max="10989" width="15.75" style="27" customWidth="1"/>
    <col min="10990" max="10996" width="12.25" style="27" customWidth="1"/>
    <col min="10997" max="10997" width="2.75" style="27" customWidth="1"/>
    <col min="10998" max="11004" width="11.75" style="27" customWidth="1"/>
    <col min="11005" max="11005" width="9" style="27"/>
    <col min="11006" max="11006" width="13" style="27" customWidth="1"/>
    <col min="11007" max="11007" width="9" style="27"/>
    <col min="11008" max="11008" width="11.75" style="27" customWidth="1"/>
    <col min="11009" max="11010" width="9" style="27"/>
    <col min="11011" max="11011" width="11.75" style="27" customWidth="1"/>
    <col min="11012" max="11012" width="10.25" style="27" customWidth="1"/>
    <col min="11013" max="11242" width="9" style="27"/>
    <col min="11243" max="11243" width="7.58203125" style="27" customWidth="1"/>
    <col min="11244" max="11244" width="41.5" style="27" customWidth="1"/>
    <col min="11245" max="11245" width="15.75" style="27" customWidth="1"/>
    <col min="11246" max="11252" width="12.25" style="27" customWidth="1"/>
    <col min="11253" max="11253" width="2.75" style="27" customWidth="1"/>
    <col min="11254" max="11260" width="11.75" style="27" customWidth="1"/>
    <col min="11261" max="11261" width="9" style="27"/>
    <col min="11262" max="11262" width="13" style="27" customWidth="1"/>
    <col min="11263" max="11263" width="9" style="27"/>
    <col min="11264" max="11264" width="11.75" style="27" customWidth="1"/>
    <col min="11265" max="11266" width="9" style="27"/>
    <col min="11267" max="11267" width="11.75" style="27" customWidth="1"/>
    <col min="11268" max="11268" width="10.25" style="27" customWidth="1"/>
    <col min="11269" max="11498" width="9" style="27"/>
    <col min="11499" max="11499" width="7.58203125" style="27" customWidth="1"/>
    <col min="11500" max="11500" width="41.5" style="27" customWidth="1"/>
    <col min="11501" max="11501" width="15.75" style="27" customWidth="1"/>
    <col min="11502" max="11508" width="12.25" style="27" customWidth="1"/>
    <col min="11509" max="11509" width="2.75" style="27" customWidth="1"/>
    <col min="11510" max="11516" width="11.75" style="27" customWidth="1"/>
    <col min="11517" max="11517" width="9" style="27"/>
    <col min="11518" max="11518" width="13" style="27" customWidth="1"/>
    <col min="11519" max="11519" width="9" style="27"/>
    <col min="11520" max="11520" width="11.75" style="27" customWidth="1"/>
    <col min="11521" max="11522" width="9" style="27"/>
    <col min="11523" max="11523" width="11.75" style="27" customWidth="1"/>
    <col min="11524" max="11524" width="10.25" style="27" customWidth="1"/>
    <col min="11525" max="11754" width="9" style="27"/>
    <col min="11755" max="11755" width="7.58203125" style="27" customWidth="1"/>
    <col min="11756" max="11756" width="41.5" style="27" customWidth="1"/>
    <col min="11757" max="11757" width="15.75" style="27" customWidth="1"/>
    <col min="11758" max="11764" width="12.25" style="27" customWidth="1"/>
    <col min="11765" max="11765" width="2.75" style="27" customWidth="1"/>
    <col min="11766" max="11772" width="11.75" style="27" customWidth="1"/>
    <col min="11773" max="11773" width="9" style="27"/>
    <col min="11774" max="11774" width="13" style="27" customWidth="1"/>
    <col min="11775" max="11775" width="9" style="27"/>
    <col min="11776" max="11776" width="11.75" style="27" customWidth="1"/>
    <col min="11777" max="11778" width="9" style="27"/>
    <col min="11779" max="11779" width="11.75" style="27" customWidth="1"/>
    <col min="11780" max="11780" width="10.25" style="27" customWidth="1"/>
    <col min="11781" max="12010" width="9" style="27"/>
    <col min="12011" max="12011" width="7.58203125" style="27" customWidth="1"/>
    <col min="12012" max="12012" width="41.5" style="27" customWidth="1"/>
    <col min="12013" max="12013" width="15.75" style="27" customWidth="1"/>
    <col min="12014" max="12020" width="12.25" style="27" customWidth="1"/>
    <col min="12021" max="12021" width="2.75" style="27" customWidth="1"/>
    <col min="12022" max="12028" width="11.75" style="27" customWidth="1"/>
    <col min="12029" max="12029" width="9" style="27"/>
    <col min="12030" max="12030" width="13" style="27" customWidth="1"/>
    <col min="12031" max="12031" width="9" style="27"/>
    <col min="12032" max="12032" width="11.75" style="27" customWidth="1"/>
    <col min="12033" max="12034" width="9" style="27"/>
    <col min="12035" max="12035" width="11.75" style="27" customWidth="1"/>
    <col min="12036" max="12036" width="10.25" style="27" customWidth="1"/>
    <col min="12037" max="12266" width="9" style="27"/>
    <col min="12267" max="12267" width="7.58203125" style="27" customWidth="1"/>
    <col min="12268" max="12268" width="41.5" style="27" customWidth="1"/>
    <col min="12269" max="12269" width="15.75" style="27" customWidth="1"/>
    <col min="12270" max="12276" width="12.25" style="27" customWidth="1"/>
    <col min="12277" max="12277" width="2.75" style="27" customWidth="1"/>
    <col min="12278" max="12284" width="11.75" style="27" customWidth="1"/>
    <col min="12285" max="12285" width="9" style="27"/>
    <col min="12286" max="12286" width="13" style="27" customWidth="1"/>
    <col min="12287" max="12287" width="9" style="27"/>
    <col min="12288" max="12288" width="11.75" style="27" customWidth="1"/>
    <col min="12289" max="12290" width="9" style="27"/>
    <col min="12291" max="12291" width="11.75" style="27" customWidth="1"/>
    <col min="12292" max="12292" width="10.25" style="27" customWidth="1"/>
    <col min="12293" max="12522" width="9" style="27"/>
    <col min="12523" max="12523" width="7.58203125" style="27" customWidth="1"/>
    <col min="12524" max="12524" width="41.5" style="27" customWidth="1"/>
    <col min="12525" max="12525" width="15.75" style="27" customWidth="1"/>
    <col min="12526" max="12532" width="12.25" style="27" customWidth="1"/>
    <col min="12533" max="12533" width="2.75" style="27" customWidth="1"/>
    <col min="12534" max="12540" width="11.75" style="27" customWidth="1"/>
    <col min="12541" max="12541" width="9" style="27"/>
    <col min="12542" max="12542" width="13" style="27" customWidth="1"/>
    <col min="12543" max="12543" width="9" style="27"/>
    <col min="12544" max="12544" width="11.75" style="27" customWidth="1"/>
    <col min="12545" max="12546" width="9" style="27"/>
    <col min="12547" max="12547" width="11.75" style="27" customWidth="1"/>
    <col min="12548" max="12548" width="10.25" style="27" customWidth="1"/>
    <col min="12549" max="12778" width="9" style="27"/>
    <col min="12779" max="12779" width="7.58203125" style="27" customWidth="1"/>
    <col min="12780" max="12780" width="41.5" style="27" customWidth="1"/>
    <col min="12781" max="12781" width="15.75" style="27" customWidth="1"/>
    <col min="12782" max="12788" width="12.25" style="27" customWidth="1"/>
    <col min="12789" max="12789" width="2.75" style="27" customWidth="1"/>
    <col min="12790" max="12796" width="11.75" style="27" customWidth="1"/>
    <col min="12797" max="12797" width="9" style="27"/>
    <col min="12798" max="12798" width="13" style="27" customWidth="1"/>
    <col min="12799" max="12799" width="9" style="27"/>
    <col min="12800" max="12800" width="11.75" style="27" customWidth="1"/>
    <col min="12801" max="12802" width="9" style="27"/>
    <col min="12803" max="12803" width="11.75" style="27" customWidth="1"/>
    <col min="12804" max="12804" width="10.25" style="27" customWidth="1"/>
    <col min="12805" max="13034" width="9" style="27"/>
    <col min="13035" max="13035" width="7.58203125" style="27" customWidth="1"/>
    <col min="13036" max="13036" width="41.5" style="27" customWidth="1"/>
    <col min="13037" max="13037" width="15.75" style="27" customWidth="1"/>
    <col min="13038" max="13044" width="12.25" style="27" customWidth="1"/>
    <col min="13045" max="13045" width="2.75" style="27" customWidth="1"/>
    <col min="13046" max="13052" width="11.75" style="27" customWidth="1"/>
    <col min="13053" max="13053" width="9" style="27"/>
    <col min="13054" max="13054" width="13" style="27" customWidth="1"/>
    <col min="13055" max="13055" width="9" style="27"/>
    <col min="13056" max="13056" width="11.75" style="27" customWidth="1"/>
    <col min="13057" max="13058" width="9" style="27"/>
    <col min="13059" max="13059" width="11.75" style="27" customWidth="1"/>
    <col min="13060" max="13060" width="10.25" style="27" customWidth="1"/>
    <col min="13061" max="13290" width="9" style="27"/>
    <col min="13291" max="13291" width="7.58203125" style="27" customWidth="1"/>
    <col min="13292" max="13292" width="41.5" style="27" customWidth="1"/>
    <col min="13293" max="13293" width="15.75" style="27" customWidth="1"/>
    <col min="13294" max="13300" width="12.25" style="27" customWidth="1"/>
    <col min="13301" max="13301" width="2.75" style="27" customWidth="1"/>
    <col min="13302" max="13308" width="11.75" style="27" customWidth="1"/>
    <col min="13309" max="13309" width="9" style="27"/>
    <col min="13310" max="13310" width="13" style="27" customWidth="1"/>
    <col min="13311" max="13311" width="9" style="27"/>
    <col min="13312" max="13312" width="11.75" style="27" customWidth="1"/>
    <col min="13313" max="13314" width="9" style="27"/>
    <col min="13315" max="13315" width="11.75" style="27" customWidth="1"/>
    <col min="13316" max="13316" width="10.25" style="27" customWidth="1"/>
    <col min="13317" max="13546" width="9" style="27"/>
    <col min="13547" max="13547" width="7.58203125" style="27" customWidth="1"/>
    <col min="13548" max="13548" width="41.5" style="27" customWidth="1"/>
    <col min="13549" max="13549" width="15.75" style="27" customWidth="1"/>
    <col min="13550" max="13556" width="12.25" style="27" customWidth="1"/>
    <col min="13557" max="13557" width="2.75" style="27" customWidth="1"/>
    <col min="13558" max="13564" width="11.75" style="27" customWidth="1"/>
    <col min="13565" max="13565" width="9" style="27"/>
    <col min="13566" max="13566" width="13" style="27" customWidth="1"/>
    <col min="13567" max="13567" width="9" style="27"/>
    <col min="13568" max="13568" width="11.75" style="27" customWidth="1"/>
    <col min="13569" max="13570" width="9" style="27"/>
    <col min="13571" max="13571" width="11.75" style="27" customWidth="1"/>
    <col min="13572" max="13572" width="10.25" style="27" customWidth="1"/>
    <col min="13573" max="13802" width="9" style="27"/>
    <col min="13803" max="13803" width="7.58203125" style="27" customWidth="1"/>
    <col min="13804" max="13804" width="41.5" style="27" customWidth="1"/>
    <col min="13805" max="13805" width="15.75" style="27" customWidth="1"/>
    <col min="13806" max="13812" width="12.25" style="27" customWidth="1"/>
    <col min="13813" max="13813" width="2.75" style="27" customWidth="1"/>
    <col min="13814" max="13820" width="11.75" style="27" customWidth="1"/>
    <col min="13821" max="13821" width="9" style="27"/>
    <col min="13822" max="13822" width="13" style="27" customWidth="1"/>
    <col min="13823" max="13823" width="9" style="27"/>
    <col min="13824" max="13824" width="11.75" style="27" customWidth="1"/>
    <col min="13825" max="13826" width="9" style="27"/>
    <col min="13827" max="13827" width="11.75" style="27" customWidth="1"/>
    <col min="13828" max="13828" width="10.25" style="27" customWidth="1"/>
    <col min="13829" max="14058" width="9" style="27"/>
    <col min="14059" max="14059" width="7.58203125" style="27" customWidth="1"/>
    <col min="14060" max="14060" width="41.5" style="27" customWidth="1"/>
    <col min="14061" max="14061" width="15.75" style="27" customWidth="1"/>
    <col min="14062" max="14068" width="12.25" style="27" customWidth="1"/>
    <col min="14069" max="14069" width="2.75" style="27" customWidth="1"/>
    <col min="14070" max="14076" width="11.75" style="27" customWidth="1"/>
    <col min="14077" max="14077" width="9" style="27"/>
    <col min="14078" max="14078" width="13" style="27" customWidth="1"/>
    <col min="14079" max="14079" width="9" style="27"/>
    <col min="14080" max="14080" width="11.75" style="27" customWidth="1"/>
    <col min="14081" max="14082" width="9" style="27"/>
    <col min="14083" max="14083" width="11.75" style="27" customWidth="1"/>
    <col min="14084" max="14084" width="10.25" style="27" customWidth="1"/>
    <col min="14085" max="14314" width="9" style="27"/>
    <col min="14315" max="14315" width="7.58203125" style="27" customWidth="1"/>
    <col min="14316" max="14316" width="41.5" style="27" customWidth="1"/>
    <col min="14317" max="14317" width="15.75" style="27" customWidth="1"/>
    <col min="14318" max="14324" width="12.25" style="27" customWidth="1"/>
    <col min="14325" max="14325" width="2.75" style="27" customWidth="1"/>
    <col min="14326" max="14332" width="11.75" style="27" customWidth="1"/>
    <col min="14333" max="14333" width="9" style="27"/>
    <col min="14334" max="14334" width="13" style="27" customWidth="1"/>
    <col min="14335" max="14335" width="9" style="27"/>
    <col min="14336" max="14336" width="11.75" style="27" customWidth="1"/>
    <col min="14337" max="14338" width="9" style="27"/>
    <col min="14339" max="14339" width="11.75" style="27" customWidth="1"/>
    <col min="14340" max="14340" width="10.25" style="27" customWidth="1"/>
    <col min="14341" max="14570" width="9" style="27"/>
    <col min="14571" max="14571" width="7.58203125" style="27" customWidth="1"/>
    <col min="14572" max="14572" width="41.5" style="27" customWidth="1"/>
    <col min="14573" max="14573" width="15.75" style="27" customWidth="1"/>
    <col min="14574" max="14580" width="12.25" style="27" customWidth="1"/>
    <col min="14581" max="14581" width="2.75" style="27" customWidth="1"/>
    <col min="14582" max="14588" width="11.75" style="27" customWidth="1"/>
    <col min="14589" max="14589" width="9" style="27"/>
    <col min="14590" max="14590" width="13" style="27" customWidth="1"/>
    <col min="14591" max="14591" width="9" style="27"/>
    <col min="14592" max="14592" width="11.75" style="27" customWidth="1"/>
    <col min="14593" max="14594" width="9" style="27"/>
    <col min="14595" max="14595" width="11.75" style="27" customWidth="1"/>
    <col min="14596" max="14596" width="10.25" style="27" customWidth="1"/>
    <col min="14597" max="14826" width="9" style="27"/>
    <col min="14827" max="14827" width="7.58203125" style="27" customWidth="1"/>
    <col min="14828" max="14828" width="41.5" style="27" customWidth="1"/>
    <col min="14829" max="14829" width="15.75" style="27" customWidth="1"/>
    <col min="14830" max="14836" width="12.25" style="27" customWidth="1"/>
    <col min="14837" max="14837" width="2.75" style="27" customWidth="1"/>
    <col min="14838" max="14844" width="11.75" style="27" customWidth="1"/>
    <col min="14845" max="14845" width="9" style="27"/>
    <col min="14846" max="14846" width="13" style="27" customWidth="1"/>
    <col min="14847" max="14847" width="9" style="27"/>
    <col min="14848" max="14848" width="11.75" style="27" customWidth="1"/>
    <col min="14849" max="14850" width="9" style="27"/>
    <col min="14851" max="14851" width="11.75" style="27" customWidth="1"/>
    <col min="14852" max="14852" width="10.25" style="27" customWidth="1"/>
    <col min="14853" max="15082" width="9" style="27"/>
    <col min="15083" max="15083" width="7.58203125" style="27" customWidth="1"/>
    <col min="15084" max="15084" width="41.5" style="27" customWidth="1"/>
    <col min="15085" max="15085" width="15.75" style="27" customWidth="1"/>
    <col min="15086" max="15092" width="12.25" style="27" customWidth="1"/>
    <col min="15093" max="15093" width="2.75" style="27" customWidth="1"/>
    <col min="15094" max="15100" width="11.75" style="27" customWidth="1"/>
    <col min="15101" max="15101" width="9" style="27"/>
    <col min="15102" max="15102" width="13" style="27" customWidth="1"/>
    <col min="15103" max="15103" width="9" style="27"/>
    <col min="15104" max="15104" width="11.75" style="27" customWidth="1"/>
    <col min="15105" max="15106" width="9" style="27"/>
    <col min="15107" max="15107" width="11.75" style="27" customWidth="1"/>
    <col min="15108" max="15108" width="10.25" style="27" customWidth="1"/>
    <col min="15109" max="15338" width="9" style="27"/>
    <col min="15339" max="15339" width="7.58203125" style="27" customWidth="1"/>
    <col min="15340" max="15340" width="41.5" style="27" customWidth="1"/>
    <col min="15341" max="15341" width="15.75" style="27" customWidth="1"/>
    <col min="15342" max="15348" width="12.25" style="27" customWidth="1"/>
    <col min="15349" max="15349" width="2.75" style="27" customWidth="1"/>
    <col min="15350" max="15356" width="11.75" style="27" customWidth="1"/>
    <col min="15357" max="15357" width="9" style="27"/>
    <col min="15358" max="15358" width="13" style="27" customWidth="1"/>
    <col min="15359" max="15359" width="9" style="27"/>
    <col min="15360" max="15360" width="11.75" style="27" customWidth="1"/>
    <col min="15361" max="15362" width="9" style="27"/>
    <col min="15363" max="15363" width="11.75" style="27" customWidth="1"/>
    <col min="15364" max="15364" width="10.25" style="27" customWidth="1"/>
    <col min="15365" max="15594" width="9" style="27"/>
    <col min="15595" max="15595" width="7.58203125" style="27" customWidth="1"/>
    <col min="15596" max="15596" width="41.5" style="27" customWidth="1"/>
    <col min="15597" max="15597" width="15.75" style="27" customWidth="1"/>
    <col min="15598" max="15604" width="12.25" style="27" customWidth="1"/>
    <col min="15605" max="15605" width="2.75" style="27" customWidth="1"/>
    <col min="15606" max="15612" width="11.75" style="27" customWidth="1"/>
    <col min="15613" max="15613" width="9" style="27"/>
    <col min="15614" max="15614" width="13" style="27" customWidth="1"/>
    <col min="15615" max="15615" width="9" style="27"/>
    <col min="15616" max="15616" width="11.75" style="27" customWidth="1"/>
    <col min="15617" max="15618" width="9" style="27"/>
    <col min="15619" max="15619" width="11.75" style="27" customWidth="1"/>
    <col min="15620" max="15620" width="10.25" style="27" customWidth="1"/>
    <col min="15621" max="15850" width="9" style="27"/>
    <col min="15851" max="15851" width="7.58203125" style="27" customWidth="1"/>
    <col min="15852" max="15852" width="41.5" style="27" customWidth="1"/>
    <col min="15853" max="15853" width="15.75" style="27" customWidth="1"/>
    <col min="15854" max="15860" width="12.25" style="27" customWidth="1"/>
    <col min="15861" max="15861" width="2.75" style="27" customWidth="1"/>
    <col min="15862" max="15868" width="11.75" style="27" customWidth="1"/>
    <col min="15869" max="15869" width="9" style="27"/>
    <col min="15870" max="15870" width="13" style="27" customWidth="1"/>
    <col min="15871" max="15871" width="9" style="27"/>
    <col min="15872" max="15872" width="11.75" style="27" customWidth="1"/>
    <col min="15873" max="15874" width="9" style="27"/>
    <col min="15875" max="15875" width="11.75" style="27" customWidth="1"/>
    <col min="15876" max="15876" width="10.25" style="27" customWidth="1"/>
    <col min="15877" max="16106" width="9" style="27"/>
    <col min="16107" max="16107" width="7.58203125" style="27" customWidth="1"/>
    <col min="16108" max="16108" width="41.5" style="27" customWidth="1"/>
    <col min="16109" max="16109" width="15.75" style="27" customWidth="1"/>
    <col min="16110" max="16116" width="12.25" style="27" customWidth="1"/>
    <col min="16117" max="16117" width="2.75" style="27" customWidth="1"/>
    <col min="16118" max="16124" width="11.75" style="27" customWidth="1"/>
    <col min="16125" max="16125" width="9" style="27"/>
    <col min="16126" max="16126" width="13" style="27" customWidth="1"/>
    <col min="16127" max="16127" width="9" style="27"/>
    <col min="16128" max="16128" width="11.75" style="27" customWidth="1"/>
    <col min="16129" max="16130" width="9" style="27"/>
    <col min="16131" max="16131" width="11.75" style="27" customWidth="1"/>
    <col min="16132" max="16132" width="10.25" style="27" customWidth="1"/>
    <col min="16133" max="16384" width="9" style="27"/>
  </cols>
  <sheetData>
    <row r="1" spans="1:18" s="29" customFormat="1">
      <c r="A1" s="652" t="s">
        <v>685</v>
      </c>
      <c r="B1" s="652"/>
      <c r="C1" s="6"/>
    </row>
    <row r="2" spans="1:18" s="29" customFormat="1">
      <c r="C2" s="34"/>
      <c r="D2" s="34"/>
      <c r="E2" s="271"/>
      <c r="F2" s="271"/>
      <c r="G2" s="309"/>
      <c r="H2" s="307"/>
      <c r="J2" s="269"/>
      <c r="L2" s="34"/>
      <c r="M2" s="271"/>
      <c r="N2" s="271"/>
      <c r="O2" s="309"/>
      <c r="P2" s="307"/>
      <c r="R2" s="269"/>
    </row>
    <row r="3" spans="1:18" s="29" customFormat="1">
      <c r="A3" s="36"/>
      <c r="B3" s="46" t="s">
        <v>233</v>
      </c>
      <c r="C3" s="46"/>
      <c r="D3" s="62"/>
      <c r="G3" s="101"/>
      <c r="L3" s="62"/>
      <c r="R3" s="307"/>
    </row>
    <row r="4" spans="1:18">
      <c r="A4" s="58"/>
      <c r="B4" s="490"/>
      <c r="C4" s="490"/>
      <c r="D4" s="492" t="s">
        <v>1</v>
      </c>
      <c r="E4" s="492" t="s">
        <v>2</v>
      </c>
      <c r="F4" s="492" t="s">
        <v>3</v>
      </c>
      <c r="G4" s="492" t="s">
        <v>9</v>
      </c>
      <c r="H4" s="492" t="s">
        <v>10</v>
      </c>
      <c r="I4" s="492" t="s">
        <v>11</v>
      </c>
      <c r="J4" s="492" t="s">
        <v>418</v>
      </c>
      <c r="L4" s="492" t="s">
        <v>1</v>
      </c>
      <c r="M4" s="492" t="s">
        <v>2</v>
      </c>
      <c r="N4" s="492" t="s">
        <v>3</v>
      </c>
      <c r="O4" s="492" t="s">
        <v>9</v>
      </c>
      <c r="P4" s="492" t="s">
        <v>10</v>
      </c>
      <c r="Q4" s="492" t="s">
        <v>11</v>
      </c>
      <c r="R4" s="492" t="s">
        <v>418</v>
      </c>
    </row>
    <row r="5" spans="1:18" ht="16.5" customHeight="1">
      <c r="A5" s="37"/>
      <c r="B5" s="538"/>
      <c r="C5" s="538"/>
      <c r="D5" s="538"/>
      <c r="E5" s="538"/>
      <c r="F5" s="538"/>
      <c r="G5" s="538" t="s">
        <v>689</v>
      </c>
      <c r="H5" s="538"/>
      <c r="I5" s="538"/>
      <c r="J5" s="538"/>
      <c r="L5" s="538"/>
      <c r="M5" s="538"/>
      <c r="N5" s="538"/>
      <c r="O5" s="538" t="s">
        <v>687</v>
      </c>
      <c r="P5" s="538"/>
      <c r="Q5" s="538"/>
      <c r="R5" s="538"/>
    </row>
    <row r="6" spans="1:18" ht="42" customHeight="1">
      <c r="A6" s="37"/>
      <c r="B6" s="538" t="s">
        <v>191</v>
      </c>
      <c r="C6" s="547" t="s">
        <v>23</v>
      </c>
      <c r="D6" s="539" t="s">
        <v>131</v>
      </c>
      <c r="E6" s="539" t="s">
        <v>171</v>
      </c>
      <c r="F6" s="539" t="s">
        <v>28</v>
      </c>
      <c r="G6" s="539" t="s">
        <v>172</v>
      </c>
      <c r="H6" s="539" t="s">
        <v>173</v>
      </c>
      <c r="I6" s="539" t="s">
        <v>445</v>
      </c>
      <c r="J6" s="539" t="s">
        <v>164</v>
      </c>
      <c r="K6" s="59"/>
      <c r="L6" s="539" t="s">
        <v>131</v>
      </c>
      <c r="M6" s="539" t="s">
        <v>171</v>
      </c>
      <c r="N6" s="539" t="s">
        <v>28</v>
      </c>
      <c r="O6" s="539" t="s">
        <v>172</v>
      </c>
      <c r="P6" s="539" t="s">
        <v>173</v>
      </c>
      <c r="Q6" s="539" t="s">
        <v>445</v>
      </c>
      <c r="R6" s="539" t="s">
        <v>164</v>
      </c>
    </row>
    <row r="7" spans="1:18" s="29" customFormat="1">
      <c r="A7" s="46"/>
      <c r="B7" s="681" t="s">
        <v>174</v>
      </c>
      <c r="C7" s="682" t="s">
        <v>646</v>
      </c>
      <c r="D7" s="683">
        <v>48765.651024999999</v>
      </c>
      <c r="E7" s="684">
        <v>3.4160000000000002E-3</v>
      </c>
      <c r="F7" s="683">
        <v>130</v>
      </c>
      <c r="G7" s="684">
        <v>43.901051000000002</v>
      </c>
      <c r="H7" s="684">
        <v>0.96427200000000002</v>
      </c>
      <c r="I7" s="683">
        <v>610.88376500000004</v>
      </c>
      <c r="J7" s="685">
        <v>1.2526927297388624</v>
      </c>
      <c r="L7" s="500">
        <v>41940.078125</v>
      </c>
      <c r="M7" s="501">
        <v>3.5249999999999999E-3</v>
      </c>
      <c r="N7" s="500">
        <v>134</v>
      </c>
      <c r="O7" s="501">
        <v>43.994380999999997</v>
      </c>
      <c r="P7" s="501">
        <v>1.102449</v>
      </c>
      <c r="Q7" s="500">
        <v>629.51909599999999</v>
      </c>
      <c r="R7" s="540">
        <v>1.5009964791285186</v>
      </c>
    </row>
    <row r="8" spans="1:18" s="29" customFormat="1">
      <c r="A8" s="46"/>
      <c r="B8" s="681"/>
      <c r="C8" s="683" t="s">
        <v>647</v>
      </c>
      <c r="D8" s="683"/>
      <c r="E8" s="684"/>
      <c r="F8" s="683"/>
      <c r="G8" s="684"/>
      <c r="H8" s="684"/>
      <c r="I8" s="683"/>
      <c r="J8" s="685"/>
      <c r="L8" s="500"/>
      <c r="M8" s="501"/>
      <c r="N8" s="500"/>
      <c r="O8" s="501"/>
      <c r="P8" s="501"/>
      <c r="Q8" s="500"/>
      <c r="R8" s="540"/>
    </row>
    <row r="9" spans="1:18" s="29" customFormat="1">
      <c r="A9" s="46"/>
      <c r="B9" s="681"/>
      <c r="C9" s="683" t="s">
        <v>648</v>
      </c>
      <c r="D9" s="683"/>
      <c r="E9" s="684"/>
      <c r="F9" s="683"/>
      <c r="G9" s="684"/>
      <c r="H9" s="684"/>
      <c r="I9" s="683"/>
      <c r="J9" s="685"/>
      <c r="L9" s="500"/>
      <c r="M9" s="501"/>
      <c r="N9" s="500"/>
      <c r="O9" s="501"/>
      <c r="P9" s="501"/>
      <c r="Q9" s="500"/>
      <c r="R9" s="540"/>
    </row>
    <row r="10" spans="1:18" s="29" customFormat="1">
      <c r="A10" s="46"/>
      <c r="B10" s="686"/>
      <c r="C10" s="686" t="s">
        <v>649</v>
      </c>
      <c r="D10" s="683"/>
      <c r="E10" s="684"/>
      <c r="F10" s="683"/>
      <c r="G10" s="684"/>
      <c r="H10" s="684"/>
      <c r="I10" s="683"/>
      <c r="J10" s="685"/>
      <c r="L10" s="500"/>
      <c r="M10" s="501"/>
      <c r="N10" s="500"/>
      <c r="O10" s="501"/>
      <c r="P10" s="501"/>
      <c r="Q10" s="500"/>
      <c r="R10" s="540"/>
    </row>
    <row r="11" spans="1:18" s="29" customFormat="1">
      <c r="A11" s="46"/>
      <c r="B11" s="686"/>
      <c r="C11" s="686" t="s">
        <v>650</v>
      </c>
      <c r="D11" s="683">
        <v>2.2290760000000001</v>
      </c>
      <c r="E11" s="684">
        <v>2</v>
      </c>
      <c r="F11" s="683">
        <v>1</v>
      </c>
      <c r="G11" s="684">
        <v>45</v>
      </c>
      <c r="H11" s="684">
        <v>2.5</v>
      </c>
      <c r="I11" s="683">
        <v>2.7137989999999999</v>
      </c>
      <c r="J11" s="685">
        <v>121.74546762873945</v>
      </c>
      <c r="L11" s="500">
        <v>38.414940000000001</v>
      </c>
      <c r="M11" s="501">
        <v>2</v>
      </c>
      <c r="N11" s="500">
        <v>1</v>
      </c>
      <c r="O11" s="501">
        <v>45</v>
      </c>
      <c r="P11" s="501">
        <v>2.5</v>
      </c>
      <c r="Q11" s="500">
        <v>46.768453999999998</v>
      </c>
      <c r="R11" s="540">
        <v>121.74548235660397</v>
      </c>
    </row>
    <row r="12" spans="1:18" s="29" customFormat="1">
      <c r="A12" s="46"/>
      <c r="B12" s="686"/>
      <c r="C12" s="686" t="s">
        <v>651</v>
      </c>
      <c r="D12" s="683"/>
      <c r="E12" s="684"/>
      <c r="F12" s="683"/>
      <c r="G12" s="684"/>
      <c r="H12" s="684"/>
      <c r="I12" s="683"/>
      <c r="J12" s="685"/>
      <c r="L12" s="500"/>
      <c r="M12" s="501"/>
      <c r="N12" s="500"/>
      <c r="O12" s="501"/>
      <c r="P12" s="501"/>
      <c r="Q12" s="500"/>
      <c r="R12" s="540"/>
    </row>
    <row r="13" spans="1:18" s="29" customFormat="1">
      <c r="A13" s="46"/>
      <c r="B13" s="686"/>
      <c r="C13" s="686" t="s">
        <v>652</v>
      </c>
      <c r="D13" s="683"/>
      <c r="E13" s="684"/>
      <c r="F13" s="683"/>
      <c r="G13" s="684"/>
      <c r="H13" s="684"/>
      <c r="I13" s="683"/>
      <c r="J13" s="685"/>
      <c r="L13" s="500"/>
      <c r="M13" s="501"/>
      <c r="N13" s="500"/>
      <c r="O13" s="501"/>
      <c r="P13" s="501"/>
      <c r="Q13" s="500"/>
      <c r="R13" s="540"/>
    </row>
    <row r="14" spans="1:18" s="29" customFormat="1">
      <c r="A14" s="46"/>
      <c r="B14" s="687"/>
      <c r="C14" s="687" t="s">
        <v>24</v>
      </c>
      <c r="D14" s="688"/>
      <c r="E14" s="689"/>
      <c r="F14" s="688"/>
      <c r="G14" s="689"/>
      <c r="H14" s="689"/>
      <c r="I14" s="688"/>
      <c r="J14" s="690"/>
      <c r="K14" s="62"/>
      <c r="L14" s="507"/>
      <c r="M14" s="508"/>
      <c r="N14" s="507"/>
      <c r="O14" s="508"/>
      <c r="P14" s="508"/>
      <c r="Q14" s="507"/>
      <c r="R14" s="541"/>
    </row>
    <row r="15" spans="1:18" s="29" customFormat="1">
      <c r="A15" s="46"/>
      <c r="B15" s="691" t="s">
        <v>25</v>
      </c>
      <c r="C15" s="681"/>
      <c r="D15" s="692">
        <v>48767.880101000002</v>
      </c>
      <c r="E15" s="693">
        <v>3.5072596050344362E-3</v>
      </c>
      <c r="F15" s="692">
        <v>131</v>
      </c>
      <c r="G15" s="693">
        <v>43.901101230619744</v>
      </c>
      <c r="H15" s="693">
        <v>0.96434219485817796</v>
      </c>
      <c r="I15" s="692">
        <v>613.59756400000003</v>
      </c>
      <c r="J15" s="694">
        <v>1.2582001980180761</v>
      </c>
      <c r="K15" s="46"/>
      <c r="L15" s="510">
        <v>41978.493065000002</v>
      </c>
      <c r="M15" s="511">
        <v>5.3519942948582113E-3</v>
      </c>
      <c r="N15" s="510">
        <v>135</v>
      </c>
      <c r="O15" s="511">
        <v>43.995301252032107</v>
      </c>
      <c r="P15" s="511">
        <v>1.1037279129359363</v>
      </c>
      <c r="Q15" s="510">
        <v>676.28755000000001</v>
      </c>
      <c r="R15" s="542">
        <v>1.6110334140695053</v>
      </c>
    </row>
    <row r="16" spans="1:18" s="29" customFormat="1">
      <c r="A16" s="46"/>
      <c r="B16" s="681"/>
      <c r="C16" s="681"/>
      <c r="D16" s="695"/>
      <c r="E16" s="695"/>
      <c r="F16" s="695"/>
      <c r="G16" s="695"/>
      <c r="H16" s="695"/>
      <c r="I16" s="695"/>
      <c r="J16" s="695"/>
      <c r="L16" s="490"/>
      <c r="M16" s="513"/>
      <c r="N16" s="490"/>
      <c r="O16" s="491"/>
      <c r="P16" s="513"/>
      <c r="Q16" s="490"/>
      <c r="R16" s="513"/>
    </row>
    <row r="17" spans="1:18" s="46" customFormat="1">
      <c r="B17" s="681" t="s">
        <v>192</v>
      </c>
      <c r="C17" s="683" t="s">
        <v>646</v>
      </c>
      <c r="D17" s="683">
        <v>3066.948719</v>
      </c>
      <c r="E17" s="684">
        <v>5.8755000000000002E-2</v>
      </c>
      <c r="F17" s="683">
        <v>92</v>
      </c>
      <c r="G17" s="684">
        <v>18.346503999999999</v>
      </c>
      <c r="H17" s="684">
        <v>2.5</v>
      </c>
      <c r="I17" s="683">
        <v>272.05129499999998</v>
      </c>
      <c r="J17" s="685">
        <v>8.8704220359023225</v>
      </c>
      <c r="K17" s="62"/>
      <c r="L17" s="500">
        <v>4460.0856050000002</v>
      </c>
      <c r="M17" s="501">
        <v>5.7811000000000001E-2</v>
      </c>
      <c r="N17" s="500">
        <v>105</v>
      </c>
      <c r="O17" s="501">
        <v>14.551780000000001</v>
      </c>
      <c r="P17" s="501">
        <v>2.5</v>
      </c>
      <c r="Q17" s="500">
        <v>380.611422</v>
      </c>
      <c r="R17" s="540">
        <v>8.533724589799661</v>
      </c>
    </row>
    <row r="18" spans="1:18">
      <c r="A18" s="46"/>
      <c r="B18" s="686"/>
      <c r="C18" s="686" t="s">
        <v>647</v>
      </c>
      <c r="D18" s="683">
        <v>695.60065499999996</v>
      </c>
      <c r="E18" s="684">
        <v>0.19891500000000001</v>
      </c>
      <c r="F18" s="683">
        <v>60</v>
      </c>
      <c r="G18" s="684">
        <v>32.950059000000003</v>
      </c>
      <c r="H18" s="684">
        <v>2.5</v>
      </c>
      <c r="I18" s="683">
        <v>237.25357500000001</v>
      </c>
      <c r="J18" s="685">
        <v>34.107727371245794</v>
      </c>
      <c r="K18" s="62"/>
      <c r="L18" s="500">
        <v>769.77181299999995</v>
      </c>
      <c r="M18" s="501">
        <v>0.19395799999999999</v>
      </c>
      <c r="N18" s="500">
        <v>53</v>
      </c>
      <c r="O18" s="501">
        <v>17.390644999999999</v>
      </c>
      <c r="P18" s="501">
        <v>2.5</v>
      </c>
      <c r="Q18" s="500">
        <v>138.98313400000001</v>
      </c>
      <c r="R18" s="540">
        <v>18.055108235042635</v>
      </c>
    </row>
    <row r="19" spans="1:18" s="29" customFormat="1">
      <c r="A19" s="46"/>
      <c r="B19" s="686"/>
      <c r="C19" s="686" t="s">
        <v>648</v>
      </c>
      <c r="D19" s="683">
        <v>373.25442199999998</v>
      </c>
      <c r="E19" s="684">
        <v>0.37906400000000001</v>
      </c>
      <c r="F19" s="683">
        <v>52</v>
      </c>
      <c r="G19" s="684">
        <v>30.257237</v>
      </c>
      <c r="H19" s="684">
        <v>2.5</v>
      </c>
      <c r="I19" s="683">
        <v>151.88345100000001</v>
      </c>
      <c r="J19" s="685">
        <v>40.691668215520835</v>
      </c>
      <c r="K19" s="62"/>
      <c r="L19" s="500">
        <v>325.61924800000003</v>
      </c>
      <c r="M19" s="501">
        <v>0.394009</v>
      </c>
      <c r="N19" s="500">
        <v>54</v>
      </c>
      <c r="O19" s="501">
        <v>21.57152</v>
      </c>
      <c r="P19" s="501">
        <v>2.4996649999999998</v>
      </c>
      <c r="Q19" s="500">
        <v>94.828896</v>
      </c>
      <c r="R19" s="540">
        <v>29.122632209997612</v>
      </c>
    </row>
    <row r="20" spans="1:18" s="29" customFormat="1">
      <c r="A20" s="46"/>
      <c r="B20" s="686"/>
      <c r="C20" s="686" t="s">
        <v>649</v>
      </c>
      <c r="D20" s="683">
        <v>51.889583000000002</v>
      </c>
      <c r="E20" s="684">
        <v>0.59695699999999996</v>
      </c>
      <c r="F20" s="683">
        <v>15</v>
      </c>
      <c r="G20" s="684">
        <v>45</v>
      </c>
      <c r="H20" s="684">
        <v>2.5</v>
      </c>
      <c r="I20" s="683">
        <v>37.484565000000003</v>
      </c>
      <c r="J20" s="685">
        <v>72.239094694594101</v>
      </c>
      <c r="K20" s="62"/>
      <c r="L20" s="500">
        <v>63.248649</v>
      </c>
      <c r="M20" s="501">
        <v>0.58433800000000002</v>
      </c>
      <c r="N20" s="500">
        <v>17</v>
      </c>
      <c r="O20" s="501">
        <v>35.225425000000001</v>
      </c>
      <c r="P20" s="501">
        <v>2.5</v>
      </c>
      <c r="Q20" s="500">
        <v>36.776449999999997</v>
      </c>
      <c r="R20" s="540">
        <v>58.14582695671492</v>
      </c>
    </row>
    <row r="21" spans="1:18" s="29" customFormat="1">
      <c r="A21" s="46"/>
      <c r="B21" s="686"/>
      <c r="C21" s="686" t="s">
        <v>650</v>
      </c>
      <c r="D21" s="683">
        <v>293.64360799999997</v>
      </c>
      <c r="E21" s="684">
        <v>1.1501140000000001</v>
      </c>
      <c r="F21" s="683">
        <v>102</v>
      </c>
      <c r="G21" s="684">
        <v>29.072044999999999</v>
      </c>
      <c r="H21" s="684">
        <v>2.5</v>
      </c>
      <c r="I21" s="683">
        <v>161.43390600000001</v>
      </c>
      <c r="J21" s="685">
        <v>54.976134879803006</v>
      </c>
      <c r="K21" s="62"/>
      <c r="L21" s="500">
        <v>288.96918399999998</v>
      </c>
      <c r="M21" s="501">
        <v>1.123891</v>
      </c>
      <c r="N21" s="500">
        <v>103</v>
      </c>
      <c r="O21" s="501">
        <v>32.028595000000003</v>
      </c>
      <c r="P21" s="501">
        <v>2.5</v>
      </c>
      <c r="Q21" s="500">
        <v>172.967488</v>
      </c>
      <c r="R21" s="540">
        <v>59.85672437653421</v>
      </c>
    </row>
    <row r="22" spans="1:18" s="29" customFormat="1">
      <c r="A22" s="46"/>
      <c r="B22" s="686"/>
      <c r="C22" s="686" t="s">
        <v>651</v>
      </c>
      <c r="D22" s="683">
        <v>22.537030999999999</v>
      </c>
      <c r="E22" s="684">
        <v>3.391956</v>
      </c>
      <c r="F22" s="683">
        <v>14</v>
      </c>
      <c r="G22" s="684">
        <v>17.00638</v>
      </c>
      <c r="H22" s="684">
        <v>2.5</v>
      </c>
      <c r="I22" s="683">
        <v>9.6784370000000006</v>
      </c>
      <c r="J22" s="685">
        <v>42.94459638450158</v>
      </c>
      <c r="K22" s="62"/>
      <c r="L22" s="500">
        <v>35.661149000000002</v>
      </c>
      <c r="M22" s="501">
        <v>2.8066260000000001</v>
      </c>
      <c r="N22" s="500">
        <v>13</v>
      </c>
      <c r="O22" s="501">
        <v>0.50637500000000002</v>
      </c>
      <c r="P22" s="501">
        <v>2.5</v>
      </c>
      <c r="Q22" s="500">
        <v>0.379803</v>
      </c>
      <c r="R22" s="540">
        <v>1.0650329858973417</v>
      </c>
    </row>
    <row r="23" spans="1:18" s="29" customFormat="1">
      <c r="A23" s="46"/>
      <c r="B23" s="686"/>
      <c r="C23" s="686" t="s">
        <v>652</v>
      </c>
      <c r="D23" s="683"/>
      <c r="E23" s="684"/>
      <c r="F23" s="683"/>
      <c r="G23" s="684"/>
      <c r="H23" s="684"/>
      <c r="I23" s="683"/>
      <c r="J23" s="685"/>
      <c r="K23" s="62"/>
      <c r="L23" s="500"/>
      <c r="M23" s="501"/>
      <c r="N23" s="500"/>
      <c r="O23" s="501"/>
      <c r="P23" s="501"/>
      <c r="Q23" s="500"/>
      <c r="R23" s="540"/>
    </row>
    <row r="24" spans="1:18" s="29" customFormat="1">
      <c r="A24" s="46"/>
      <c r="B24" s="687"/>
      <c r="C24" s="687" t="s">
        <v>24</v>
      </c>
      <c r="D24" s="688">
        <v>8.1960000000000002E-3</v>
      </c>
      <c r="E24" s="689">
        <v>100</v>
      </c>
      <c r="F24" s="688">
        <v>1</v>
      </c>
      <c r="G24" s="689">
        <v>45</v>
      </c>
      <c r="H24" s="689">
        <v>2.5</v>
      </c>
      <c r="I24" s="688">
        <v>0</v>
      </c>
      <c r="J24" s="690">
        <v>0</v>
      </c>
      <c r="K24" s="62"/>
      <c r="L24" s="507"/>
      <c r="M24" s="508"/>
      <c r="N24" s="507"/>
      <c r="O24" s="508"/>
      <c r="P24" s="508"/>
      <c r="Q24" s="507"/>
      <c r="R24" s="541"/>
    </row>
    <row r="25" spans="1:18" s="29" customFormat="1">
      <c r="A25" s="46"/>
      <c r="B25" s="691" t="s">
        <v>25</v>
      </c>
      <c r="C25" s="681"/>
      <c r="D25" s="692">
        <v>4503.8822140000002</v>
      </c>
      <c r="E25" s="693">
        <v>0.2011631164713352</v>
      </c>
      <c r="F25" s="692">
        <v>336</v>
      </c>
      <c r="G25" s="693">
        <v>22.58873695877811</v>
      </c>
      <c r="H25" s="693">
        <v>2.5</v>
      </c>
      <c r="I25" s="692">
        <v>869.78522899999996</v>
      </c>
      <c r="J25" s="694">
        <v>19.311899993661779</v>
      </c>
      <c r="K25" s="63"/>
      <c r="L25" s="510">
        <v>5943.3649960000002</v>
      </c>
      <c r="M25" s="511">
        <v>0.16795083044388562</v>
      </c>
      <c r="N25" s="510">
        <v>346</v>
      </c>
      <c r="O25" s="511">
        <v>16.289565103208989</v>
      </c>
      <c r="P25" s="511">
        <v>2.499981646348802</v>
      </c>
      <c r="Q25" s="510">
        <v>824.54719299999999</v>
      </c>
      <c r="R25" s="542">
        <v>13.873406623267059</v>
      </c>
    </row>
    <row r="26" spans="1:18" s="29" customFormat="1">
      <c r="A26" s="46"/>
      <c r="B26" s="696"/>
      <c r="C26" s="696"/>
      <c r="D26" s="682"/>
      <c r="E26" s="682"/>
      <c r="F26" s="682"/>
      <c r="G26" s="682"/>
      <c r="H26" s="697"/>
      <c r="I26" s="695"/>
      <c r="J26" s="697"/>
      <c r="L26" s="490"/>
      <c r="M26" s="490"/>
      <c r="N26" s="490"/>
      <c r="O26" s="490"/>
      <c r="P26" s="513"/>
      <c r="Q26" s="512"/>
      <c r="R26" s="513"/>
    </row>
    <row r="27" spans="1:18" s="46" customFormat="1">
      <c r="B27" s="681" t="s">
        <v>193</v>
      </c>
      <c r="C27" s="683" t="s">
        <v>646</v>
      </c>
      <c r="D27" s="683">
        <v>10202.921317</v>
      </c>
      <c r="E27" s="684">
        <v>4.3779999999999999E-2</v>
      </c>
      <c r="F27" s="683">
        <v>176</v>
      </c>
      <c r="G27" s="684">
        <v>0.69146600000000003</v>
      </c>
      <c r="H27" s="684">
        <v>2.4977499999999999</v>
      </c>
      <c r="I27" s="683">
        <v>49.552934999999998</v>
      </c>
      <c r="J27" s="685">
        <v>0.48567398944295909</v>
      </c>
      <c r="K27" s="29"/>
      <c r="L27" s="500">
        <v>6806.4172129999997</v>
      </c>
      <c r="M27" s="501">
        <v>4.6947000000000003E-2</v>
      </c>
      <c r="N27" s="500">
        <v>205</v>
      </c>
      <c r="O27" s="501">
        <v>0.65799300000000005</v>
      </c>
      <c r="P27" s="501">
        <v>2.499946</v>
      </c>
      <c r="Q27" s="500">
        <v>28.554936999999999</v>
      </c>
      <c r="R27" s="540">
        <v>0.4195296307352589</v>
      </c>
    </row>
    <row r="28" spans="1:18">
      <c r="A28" s="46"/>
      <c r="B28" s="686"/>
      <c r="C28" s="686" t="s">
        <v>647</v>
      </c>
      <c r="D28" s="683">
        <v>871.99568599999998</v>
      </c>
      <c r="E28" s="684">
        <v>0.19653399999999999</v>
      </c>
      <c r="F28" s="683">
        <v>43</v>
      </c>
      <c r="G28" s="684">
        <v>14.721202</v>
      </c>
      <c r="H28" s="684">
        <v>2.5</v>
      </c>
      <c r="I28" s="683">
        <v>136.65183099999999</v>
      </c>
      <c r="J28" s="685">
        <v>15.671159065802993</v>
      </c>
      <c r="K28" s="29"/>
      <c r="L28" s="500">
        <v>1127.2554279999999</v>
      </c>
      <c r="M28" s="501">
        <v>0.19361700000000001</v>
      </c>
      <c r="N28" s="500">
        <v>51</v>
      </c>
      <c r="O28" s="501">
        <v>7.4448030000000003</v>
      </c>
      <c r="P28" s="501">
        <v>2.5</v>
      </c>
      <c r="Q28" s="500">
        <v>91.730997000000002</v>
      </c>
      <c r="R28" s="540">
        <v>8.1375520331493139</v>
      </c>
    </row>
    <row r="29" spans="1:18" s="29" customFormat="1">
      <c r="A29" s="46"/>
      <c r="B29" s="686"/>
      <c r="C29" s="686" t="s">
        <v>648</v>
      </c>
      <c r="D29" s="683">
        <v>1266.367475</v>
      </c>
      <c r="E29" s="684">
        <v>0.41422700000000001</v>
      </c>
      <c r="F29" s="683">
        <v>101</v>
      </c>
      <c r="G29" s="684">
        <v>0.45138299999999998</v>
      </c>
      <c r="H29" s="684">
        <v>2.4995759999999998</v>
      </c>
      <c r="I29" s="683">
        <v>8.0501869999999993</v>
      </c>
      <c r="J29" s="685">
        <v>0.63569123172560948</v>
      </c>
      <c r="L29" s="500">
        <v>1120.1847150000001</v>
      </c>
      <c r="M29" s="501">
        <v>0.39574700000000002</v>
      </c>
      <c r="N29" s="500">
        <v>94</v>
      </c>
      <c r="O29" s="501">
        <v>0.20485400000000001</v>
      </c>
      <c r="P29" s="501">
        <v>2.5</v>
      </c>
      <c r="Q29" s="500">
        <v>3.3261159999999999</v>
      </c>
      <c r="R29" s="540">
        <v>0.29692567265569231</v>
      </c>
    </row>
    <row r="30" spans="1:18" s="29" customFormat="1">
      <c r="A30" s="46"/>
      <c r="B30" s="686"/>
      <c r="C30" s="686" t="s">
        <v>649</v>
      </c>
      <c r="D30" s="683">
        <v>10.073667</v>
      </c>
      <c r="E30" s="684">
        <v>0.59256699999999995</v>
      </c>
      <c r="F30" s="683">
        <v>3</v>
      </c>
      <c r="G30" s="684">
        <v>44.714055999999999</v>
      </c>
      <c r="H30" s="684">
        <v>2.5</v>
      </c>
      <c r="I30" s="683">
        <v>7.961042</v>
      </c>
      <c r="J30" s="685">
        <v>79.028242644907763</v>
      </c>
      <c r="L30" s="500">
        <v>9.6285559999999997</v>
      </c>
      <c r="M30" s="501">
        <v>0.59447300000000003</v>
      </c>
      <c r="N30" s="500">
        <v>3</v>
      </c>
      <c r="O30" s="501">
        <v>43.229850999999996</v>
      </c>
      <c r="P30" s="501">
        <v>2.5</v>
      </c>
      <c r="Q30" s="500">
        <v>7.3567020000000003</v>
      </c>
      <c r="R30" s="540">
        <v>76.405039343386491</v>
      </c>
    </row>
    <row r="31" spans="1:18" s="29" customFormat="1">
      <c r="A31" s="46"/>
      <c r="B31" s="686"/>
      <c r="C31" s="686" t="s">
        <v>650</v>
      </c>
      <c r="D31" s="683">
        <v>96.276790000000005</v>
      </c>
      <c r="E31" s="684">
        <v>1.571323</v>
      </c>
      <c r="F31" s="683">
        <v>13</v>
      </c>
      <c r="G31" s="684">
        <v>17.041930000000001</v>
      </c>
      <c r="H31" s="684">
        <v>2.5</v>
      </c>
      <c r="I31" s="683">
        <v>44.856613000000003</v>
      </c>
      <c r="J31" s="685">
        <v>46.591305131797604</v>
      </c>
      <c r="L31" s="500">
        <v>115.733548</v>
      </c>
      <c r="M31" s="501">
        <v>1.2909820000000001</v>
      </c>
      <c r="N31" s="500">
        <v>26</v>
      </c>
      <c r="O31" s="501">
        <v>24.233288000000002</v>
      </c>
      <c r="P31" s="501">
        <v>2.5</v>
      </c>
      <c r="Q31" s="500">
        <v>68.612600999999998</v>
      </c>
      <c r="R31" s="540">
        <v>59.284971545156466</v>
      </c>
    </row>
    <row r="32" spans="1:18" s="29" customFormat="1">
      <c r="A32" s="46"/>
      <c r="B32" s="686"/>
      <c r="C32" s="686" t="s">
        <v>651</v>
      </c>
      <c r="D32" s="683"/>
      <c r="E32" s="684"/>
      <c r="F32" s="683"/>
      <c r="G32" s="684"/>
      <c r="H32" s="684"/>
      <c r="I32" s="683"/>
      <c r="J32" s="685"/>
      <c r="L32" s="500"/>
      <c r="M32" s="501"/>
      <c r="N32" s="500"/>
      <c r="O32" s="501"/>
      <c r="P32" s="501"/>
      <c r="Q32" s="500"/>
      <c r="R32" s="540"/>
    </row>
    <row r="33" spans="1:18" s="29" customFormat="1">
      <c r="A33" s="46"/>
      <c r="B33" s="686"/>
      <c r="C33" s="686" t="s">
        <v>652</v>
      </c>
      <c r="D33" s="683"/>
      <c r="E33" s="684"/>
      <c r="F33" s="683"/>
      <c r="G33" s="684"/>
      <c r="H33" s="684"/>
      <c r="I33" s="683"/>
      <c r="J33" s="685"/>
      <c r="L33" s="500"/>
      <c r="M33" s="501"/>
      <c r="N33" s="500"/>
      <c r="O33" s="501"/>
      <c r="P33" s="501"/>
      <c r="Q33" s="500"/>
      <c r="R33" s="540"/>
    </row>
    <row r="34" spans="1:18" s="29" customFormat="1">
      <c r="A34" s="46"/>
      <c r="B34" s="687"/>
      <c r="C34" s="687" t="s">
        <v>24</v>
      </c>
      <c r="D34" s="688"/>
      <c r="E34" s="689"/>
      <c r="F34" s="688"/>
      <c r="G34" s="689"/>
      <c r="H34" s="689"/>
      <c r="I34" s="688"/>
      <c r="J34" s="690"/>
      <c r="L34" s="507"/>
      <c r="M34" s="508"/>
      <c r="N34" s="507"/>
      <c r="O34" s="508"/>
      <c r="P34" s="508"/>
      <c r="Q34" s="507"/>
      <c r="R34" s="541"/>
    </row>
    <row r="35" spans="1:18" s="29" customFormat="1">
      <c r="A35" s="46"/>
      <c r="B35" s="691" t="s">
        <v>25</v>
      </c>
      <c r="C35" s="681"/>
      <c r="D35" s="692">
        <v>12447.634935</v>
      </c>
      <c r="E35" s="693">
        <v>0.10442751248663351</v>
      </c>
      <c r="F35" s="692">
        <v>336</v>
      </c>
      <c r="G35" s="693">
        <v>1.8119579761158275</v>
      </c>
      <c r="H35" s="693">
        <v>2.4981126123239208</v>
      </c>
      <c r="I35" s="692">
        <v>247.072608</v>
      </c>
      <c r="J35" s="694">
        <v>1.9848960006473713</v>
      </c>
      <c r="K35" s="46"/>
      <c r="L35" s="510">
        <v>9179.2194600000003</v>
      </c>
      <c r="M35" s="511">
        <v>0.12378397447575744</v>
      </c>
      <c r="N35" s="510">
        <v>379</v>
      </c>
      <c r="O35" s="511">
        <v>1.7780476112673509</v>
      </c>
      <c r="P35" s="511">
        <v>2.4999599588471435</v>
      </c>
      <c r="Q35" s="510">
        <v>199.58135300000001</v>
      </c>
      <c r="R35" s="542">
        <v>2.174273682742955</v>
      </c>
    </row>
    <row r="36" spans="1:18" s="29" customFormat="1">
      <c r="A36" s="46"/>
      <c r="B36" s="696"/>
      <c r="C36" s="696"/>
      <c r="D36" s="695"/>
      <c r="E36" s="695"/>
      <c r="F36" s="695"/>
      <c r="G36" s="695"/>
      <c r="H36" s="697"/>
      <c r="I36" s="695"/>
      <c r="J36" s="698"/>
      <c r="K36" s="37"/>
      <c r="L36" s="512"/>
      <c r="M36" s="512"/>
      <c r="N36" s="512"/>
      <c r="O36" s="512"/>
      <c r="P36" s="513"/>
      <c r="Q36" s="512"/>
      <c r="R36" s="520"/>
    </row>
    <row r="37" spans="1:18" s="46" customFormat="1">
      <c r="B37" s="681" t="s">
        <v>194</v>
      </c>
      <c r="C37" s="683" t="s">
        <v>646</v>
      </c>
      <c r="D37" s="683">
        <v>35502.367729999998</v>
      </c>
      <c r="E37" s="684">
        <v>5.7317E-2</v>
      </c>
      <c r="F37" s="683">
        <v>566</v>
      </c>
      <c r="G37" s="684">
        <v>29.968271999999999</v>
      </c>
      <c r="H37" s="684">
        <v>2.1973120000000002</v>
      </c>
      <c r="I37" s="683">
        <v>4731.3061399999997</v>
      </c>
      <c r="J37" s="685">
        <v>13.326734081462346</v>
      </c>
      <c r="K37" s="62"/>
      <c r="L37" s="500">
        <v>40991.059814</v>
      </c>
      <c r="M37" s="501">
        <v>5.8184E-2</v>
      </c>
      <c r="N37" s="500">
        <v>580</v>
      </c>
      <c r="O37" s="501">
        <v>30.501795999999999</v>
      </c>
      <c r="P37" s="501">
        <v>2.3097590000000001</v>
      </c>
      <c r="Q37" s="500">
        <v>5712.1131320000004</v>
      </c>
      <c r="R37" s="540">
        <v>13.935021826513246</v>
      </c>
    </row>
    <row r="38" spans="1:18" s="37" customFormat="1">
      <c r="A38" s="46"/>
      <c r="B38" s="686"/>
      <c r="C38" s="686" t="s">
        <v>647</v>
      </c>
      <c r="D38" s="683">
        <v>5927.3626709999999</v>
      </c>
      <c r="E38" s="684">
        <v>0.20291200000000001</v>
      </c>
      <c r="F38" s="683">
        <v>279</v>
      </c>
      <c r="G38" s="684">
        <v>30.204744000000002</v>
      </c>
      <c r="H38" s="684">
        <v>1.9384570000000001</v>
      </c>
      <c r="I38" s="683">
        <v>1575.770368</v>
      </c>
      <c r="J38" s="685">
        <v>26.58467948501881</v>
      </c>
      <c r="K38" s="62"/>
      <c r="L38" s="500">
        <v>7835.6217159999997</v>
      </c>
      <c r="M38" s="501">
        <v>0.19271199999999999</v>
      </c>
      <c r="N38" s="500">
        <v>298</v>
      </c>
      <c r="O38" s="501">
        <v>30.723461</v>
      </c>
      <c r="P38" s="501">
        <v>2.135942</v>
      </c>
      <c r="Q38" s="500">
        <v>2190.572682</v>
      </c>
      <c r="R38" s="540">
        <v>27.956590573112347</v>
      </c>
    </row>
    <row r="39" spans="1:18" s="29" customFormat="1">
      <c r="A39" s="46"/>
      <c r="B39" s="686"/>
      <c r="C39" s="686" t="s">
        <v>648</v>
      </c>
      <c r="D39" s="683">
        <v>4754.6357889999999</v>
      </c>
      <c r="E39" s="684">
        <v>0.36327799999999999</v>
      </c>
      <c r="F39" s="683">
        <v>270</v>
      </c>
      <c r="G39" s="684">
        <v>30.154169</v>
      </c>
      <c r="H39" s="684">
        <v>2.5104519999999999</v>
      </c>
      <c r="I39" s="683">
        <v>1935.164207</v>
      </c>
      <c r="J39" s="685">
        <v>40.700577139411259</v>
      </c>
      <c r="K39" s="62"/>
      <c r="L39" s="500">
        <v>5666.4840620000004</v>
      </c>
      <c r="M39" s="501">
        <v>0.35075800000000001</v>
      </c>
      <c r="N39" s="500">
        <v>312</v>
      </c>
      <c r="O39" s="501">
        <v>29.097930000000002</v>
      </c>
      <c r="P39" s="501">
        <v>2.5304289999999998</v>
      </c>
      <c r="Q39" s="500">
        <v>2144.2516129999999</v>
      </c>
      <c r="R39" s="540">
        <v>37.840953747308006</v>
      </c>
    </row>
    <row r="40" spans="1:18" s="29" customFormat="1">
      <c r="A40" s="46"/>
      <c r="B40" s="686"/>
      <c r="C40" s="686" t="s">
        <v>649</v>
      </c>
      <c r="D40" s="683">
        <v>3791.7629830000001</v>
      </c>
      <c r="E40" s="684">
        <v>0.56020800000000004</v>
      </c>
      <c r="F40" s="683">
        <v>250</v>
      </c>
      <c r="G40" s="684">
        <v>27.136510000000001</v>
      </c>
      <c r="H40" s="684">
        <v>3.0168550000000001</v>
      </c>
      <c r="I40" s="683">
        <v>1786.696545</v>
      </c>
      <c r="J40" s="685">
        <v>47.120470161518007</v>
      </c>
      <c r="K40" s="62"/>
      <c r="L40" s="500">
        <v>5039.197647</v>
      </c>
      <c r="M40" s="501">
        <v>0.55784299999999998</v>
      </c>
      <c r="N40" s="500">
        <v>294</v>
      </c>
      <c r="O40" s="501">
        <v>27.707483</v>
      </c>
      <c r="P40" s="501">
        <v>3.0072950000000001</v>
      </c>
      <c r="Q40" s="500">
        <v>2465.4403320000001</v>
      </c>
      <c r="R40" s="540">
        <v>48.92525565985207</v>
      </c>
    </row>
    <row r="41" spans="1:18" s="29" customFormat="1">
      <c r="A41" s="46"/>
      <c r="B41" s="686"/>
      <c r="C41" s="686" t="s">
        <v>650</v>
      </c>
      <c r="D41" s="683">
        <v>2900.7724870000002</v>
      </c>
      <c r="E41" s="684">
        <v>1.1241570000000001</v>
      </c>
      <c r="F41" s="683">
        <v>280</v>
      </c>
      <c r="G41" s="684">
        <v>22.835225000000001</v>
      </c>
      <c r="H41" s="684">
        <v>2.143716</v>
      </c>
      <c r="I41" s="683">
        <v>1313.231667</v>
      </c>
      <c r="J41" s="685">
        <v>45.271791320599355</v>
      </c>
      <c r="K41" s="62"/>
      <c r="L41" s="500">
        <v>4505.3472339999998</v>
      </c>
      <c r="M41" s="501">
        <v>1.228167</v>
      </c>
      <c r="N41" s="500">
        <v>335</v>
      </c>
      <c r="O41" s="501">
        <v>26.871299</v>
      </c>
      <c r="P41" s="501">
        <v>1.908452</v>
      </c>
      <c r="Q41" s="500">
        <v>2408.0706150000001</v>
      </c>
      <c r="R41" s="540">
        <v>53.449168064722798</v>
      </c>
    </row>
    <row r="42" spans="1:18" s="29" customFormat="1">
      <c r="A42" s="46"/>
      <c r="B42" s="686"/>
      <c r="C42" s="686" t="s">
        <v>651</v>
      </c>
      <c r="D42" s="683">
        <v>799.34876599999996</v>
      </c>
      <c r="E42" s="684">
        <v>3.3809480000000001</v>
      </c>
      <c r="F42" s="683">
        <v>142</v>
      </c>
      <c r="G42" s="684">
        <v>35.327649999999998</v>
      </c>
      <c r="H42" s="684">
        <v>1.3513139999999999</v>
      </c>
      <c r="I42" s="683">
        <v>750.34611399999994</v>
      </c>
      <c r="J42" s="685">
        <v>93.869678157481516</v>
      </c>
      <c r="K42" s="62"/>
      <c r="L42" s="500">
        <v>611.73564699999997</v>
      </c>
      <c r="M42" s="501">
        <v>3.7196690000000001</v>
      </c>
      <c r="N42" s="500">
        <v>166</v>
      </c>
      <c r="O42" s="501">
        <v>34.353240999999997</v>
      </c>
      <c r="P42" s="501">
        <v>1.754931</v>
      </c>
      <c r="Q42" s="500">
        <v>583.86687400000005</v>
      </c>
      <c r="R42" s="540">
        <v>95.444311094723574</v>
      </c>
    </row>
    <row r="43" spans="1:18" s="29" customFormat="1">
      <c r="A43" s="46"/>
      <c r="B43" s="686"/>
      <c r="C43" s="686" t="s">
        <v>652</v>
      </c>
      <c r="D43" s="683">
        <v>4.6252740000000001</v>
      </c>
      <c r="E43" s="684">
        <v>19.05189</v>
      </c>
      <c r="F43" s="683">
        <v>4</v>
      </c>
      <c r="G43" s="684">
        <v>35.831133999999999</v>
      </c>
      <c r="H43" s="684">
        <v>1</v>
      </c>
      <c r="I43" s="683">
        <v>8.2282150000000005</v>
      </c>
      <c r="J43" s="685">
        <v>177.89681216723594</v>
      </c>
      <c r="K43" s="62"/>
      <c r="L43" s="500">
        <v>1.702115</v>
      </c>
      <c r="M43" s="501">
        <v>21</v>
      </c>
      <c r="N43" s="500">
        <v>4</v>
      </c>
      <c r="O43" s="501">
        <v>36.470458999999998</v>
      </c>
      <c r="P43" s="501">
        <v>1</v>
      </c>
      <c r="Q43" s="500">
        <v>3.2366809999999999</v>
      </c>
      <c r="R43" s="540">
        <v>190.15642303839635</v>
      </c>
    </row>
    <row r="44" spans="1:18" s="29" customFormat="1">
      <c r="A44" s="46"/>
      <c r="B44" s="687"/>
      <c r="C44" s="687" t="s">
        <v>24</v>
      </c>
      <c r="D44" s="688">
        <v>44.961531999999998</v>
      </c>
      <c r="E44" s="689">
        <v>100</v>
      </c>
      <c r="F44" s="688">
        <v>1</v>
      </c>
      <c r="G44" s="689">
        <v>0</v>
      </c>
      <c r="H44" s="689">
        <v>1.101</v>
      </c>
      <c r="I44" s="688">
        <v>0</v>
      </c>
      <c r="J44" s="699">
        <v>0</v>
      </c>
      <c r="K44" s="62"/>
      <c r="L44" s="507">
        <v>62.643566999999997</v>
      </c>
      <c r="M44" s="508">
        <v>100</v>
      </c>
      <c r="N44" s="507">
        <v>5</v>
      </c>
      <c r="O44" s="508">
        <v>0</v>
      </c>
      <c r="P44" s="508">
        <v>2.1989049999999999</v>
      </c>
      <c r="Q44" s="507">
        <v>0</v>
      </c>
      <c r="R44" s="543">
        <v>0</v>
      </c>
    </row>
    <row r="45" spans="1:18" s="29" customFormat="1">
      <c r="A45" s="46"/>
      <c r="B45" s="691" t="s">
        <v>25</v>
      </c>
      <c r="C45" s="681"/>
      <c r="D45" s="692">
        <v>53725.837231999998</v>
      </c>
      <c r="E45" s="693">
        <v>0.32827420457874001</v>
      </c>
      <c r="F45" s="692">
        <v>1792</v>
      </c>
      <c r="G45" s="693">
        <v>29.480992876679842</v>
      </c>
      <c r="H45" s="693">
        <v>2.2378047142421815</v>
      </c>
      <c r="I45" s="692">
        <v>12100.743256</v>
      </c>
      <c r="J45" s="694">
        <v>22.523135756351873</v>
      </c>
      <c r="K45" s="63"/>
      <c r="L45" s="510">
        <v>64713.791802</v>
      </c>
      <c r="M45" s="511">
        <v>0.35236015854880237</v>
      </c>
      <c r="N45" s="510">
        <v>1994</v>
      </c>
      <c r="O45" s="511">
        <v>29.942404236951916</v>
      </c>
      <c r="P45" s="511">
        <v>2.3290264762971589</v>
      </c>
      <c r="Q45" s="510">
        <v>15507.551928999999</v>
      </c>
      <c r="R45" s="542">
        <v>23.963287418619061</v>
      </c>
    </row>
    <row r="46" spans="1:18" s="29" customFormat="1">
      <c r="A46" s="46"/>
      <c r="B46" s="691"/>
      <c r="C46" s="681"/>
      <c r="D46" s="692"/>
      <c r="E46" s="693"/>
      <c r="F46" s="692"/>
      <c r="G46" s="693"/>
      <c r="H46" s="693"/>
      <c r="I46" s="692"/>
      <c r="J46" s="694"/>
      <c r="K46" s="63"/>
      <c r="L46" s="510"/>
      <c r="M46" s="511"/>
      <c r="N46" s="510"/>
      <c r="O46" s="511"/>
      <c r="P46" s="511"/>
      <c r="Q46" s="510"/>
      <c r="R46" s="542"/>
    </row>
    <row r="47" spans="1:18" s="46" customFormat="1">
      <c r="B47" s="681" t="s">
        <v>195</v>
      </c>
      <c r="C47" s="683" t="s">
        <v>646</v>
      </c>
      <c r="D47" s="683">
        <v>45586.376280999997</v>
      </c>
      <c r="E47" s="700">
        <v>3.8491999999999998E-2</v>
      </c>
      <c r="F47" s="683">
        <v>892</v>
      </c>
      <c r="G47" s="700">
        <v>40.601990999999998</v>
      </c>
      <c r="H47" s="684">
        <v>1.054189</v>
      </c>
      <c r="I47" s="683">
        <v>4954.1354970000002</v>
      </c>
      <c r="J47" s="685">
        <v>10.867579090871585</v>
      </c>
      <c r="K47" s="29"/>
      <c r="L47" s="500">
        <v>47709.178243000002</v>
      </c>
      <c r="M47" s="544">
        <v>3.7741999999999998E-2</v>
      </c>
      <c r="N47" s="500">
        <v>950</v>
      </c>
      <c r="O47" s="544">
        <v>40.509112000000002</v>
      </c>
      <c r="P47" s="501">
        <v>1.286243</v>
      </c>
      <c r="Q47" s="500">
        <v>5710.1433770000003</v>
      </c>
      <c r="R47" s="540">
        <v>11.968647516660603</v>
      </c>
    </row>
    <row r="48" spans="1:18" s="46" customFormat="1">
      <c r="B48" s="686"/>
      <c r="C48" s="686" t="s">
        <v>647</v>
      </c>
      <c r="D48" s="683">
        <v>1541.4820629999999</v>
      </c>
      <c r="E48" s="700">
        <v>0.20932000000000001</v>
      </c>
      <c r="F48" s="683">
        <v>85</v>
      </c>
      <c r="G48" s="700">
        <v>40.874839000000001</v>
      </c>
      <c r="H48" s="684">
        <v>0.376944</v>
      </c>
      <c r="I48" s="683">
        <v>398.230593</v>
      </c>
      <c r="J48" s="685">
        <v>25.83426707054716</v>
      </c>
      <c r="K48" s="29"/>
      <c r="L48" s="500">
        <v>1768.5282</v>
      </c>
      <c r="M48" s="544">
        <v>0.2114</v>
      </c>
      <c r="N48" s="500">
        <v>91</v>
      </c>
      <c r="O48" s="544">
        <v>41.624763000000002</v>
      </c>
      <c r="P48" s="501">
        <v>0.61162899999999998</v>
      </c>
      <c r="Q48" s="500">
        <v>493.16476699999998</v>
      </c>
      <c r="R48" s="540">
        <v>27.885603803207662</v>
      </c>
    </row>
    <row r="49" spans="1:18" s="29" customFormat="1">
      <c r="A49" s="46"/>
      <c r="B49" s="686"/>
      <c r="C49" s="686" t="s">
        <v>648</v>
      </c>
      <c r="D49" s="683">
        <v>2998.869526</v>
      </c>
      <c r="E49" s="700">
        <v>0.38451200000000002</v>
      </c>
      <c r="F49" s="683">
        <v>135</v>
      </c>
      <c r="G49" s="700">
        <v>40.766888999999999</v>
      </c>
      <c r="H49" s="684">
        <v>0.38602199999999998</v>
      </c>
      <c r="I49" s="683">
        <v>1151.276983</v>
      </c>
      <c r="J49" s="685">
        <v>38.390365870155563</v>
      </c>
      <c r="L49" s="500">
        <v>3314.2285059999999</v>
      </c>
      <c r="M49" s="544">
        <v>0.37857099999999999</v>
      </c>
      <c r="N49" s="500">
        <v>150</v>
      </c>
      <c r="O49" s="544">
        <v>40.633977999999999</v>
      </c>
      <c r="P49" s="501">
        <v>0.27732000000000001</v>
      </c>
      <c r="Q49" s="500">
        <v>1197.5893759999999</v>
      </c>
      <c r="R49" s="540">
        <v>36.134785933797652</v>
      </c>
    </row>
    <row r="50" spans="1:18" s="29" customFormat="1">
      <c r="A50" s="46"/>
      <c r="B50" s="686"/>
      <c r="C50" s="686" t="s">
        <v>649</v>
      </c>
      <c r="D50" s="683">
        <v>4.1243119999999998</v>
      </c>
      <c r="E50" s="700">
        <v>0.59219999999999995</v>
      </c>
      <c r="F50" s="683">
        <v>1</v>
      </c>
      <c r="G50" s="700">
        <v>78</v>
      </c>
      <c r="H50" s="684">
        <v>1</v>
      </c>
      <c r="I50" s="683">
        <v>4.3246060000000002</v>
      </c>
      <c r="J50" s="685">
        <v>104.85642211355494</v>
      </c>
      <c r="L50" s="500">
        <v>6.7480919999999998</v>
      </c>
      <c r="M50" s="544">
        <v>0.59219999999999995</v>
      </c>
      <c r="N50" s="500">
        <v>2</v>
      </c>
      <c r="O50" s="544">
        <v>78</v>
      </c>
      <c r="P50" s="501">
        <v>1.042</v>
      </c>
      <c r="Q50" s="500">
        <v>7.1381649999999999</v>
      </c>
      <c r="R50" s="540">
        <v>105.78049321200719</v>
      </c>
    </row>
    <row r="51" spans="1:18" s="29" customFormat="1">
      <c r="A51" s="46"/>
      <c r="B51" s="686"/>
      <c r="C51" s="686" t="s">
        <v>650</v>
      </c>
      <c r="D51" s="683">
        <v>282.04386699999998</v>
      </c>
      <c r="E51" s="700">
        <v>1.2796369999999999</v>
      </c>
      <c r="F51" s="683">
        <v>26</v>
      </c>
      <c r="G51" s="700">
        <v>40.676048999999999</v>
      </c>
      <c r="H51" s="684">
        <v>1.515304</v>
      </c>
      <c r="I51" s="683">
        <v>261.99879700000002</v>
      </c>
      <c r="J51" s="685">
        <v>92.892924702383269</v>
      </c>
      <c r="L51" s="500">
        <v>580.66063699999995</v>
      </c>
      <c r="M51" s="544">
        <v>1.0045390000000001</v>
      </c>
      <c r="N51" s="500">
        <v>39</v>
      </c>
      <c r="O51" s="544">
        <v>40.731301999999999</v>
      </c>
      <c r="P51" s="501">
        <v>2.2678569999999998</v>
      </c>
      <c r="Q51" s="500">
        <v>595.24831700000004</v>
      </c>
      <c r="R51" s="540">
        <v>102.51225570849226</v>
      </c>
    </row>
    <row r="52" spans="1:18" s="29" customFormat="1">
      <c r="A52" s="46"/>
      <c r="B52" s="686"/>
      <c r="C52" s="686" t="s">
        <v>651</v>
      </c>
      <c r="D52" s="683">
        <v>87.076751000000002</v>
      </c>
      <c r="E52" s="700">
        <v>3.7</v>
      </c>
      <c r="F52" s="683">
        <v>2</v>
      </c>
      <c r="G52" s="700">
        <v>41</v>
      </c>
      <c r="H52" s="684">
        <v>0.158999</v>
      </c>
      <c r="I52" s="683">
        <v>90.655609999999996</v>
      </c>
      <c r="J52" s="685">
        <v>104.11000520678591</v>
      </c>
      <c r="L52" s="500">
        <v>85.483840999999998</v>
      </c>
      <c r="M52" s="544">
        <v>3.7</v>
      </c>
      <c r="N52" s="500">
        <v>2</v>
      </c>
      <c r="O52" s="544">
        <v>41.006844000000001</v>
      </c>
      <c r="P52" s="501">
        <v>0.156385</v>
      </c>
      <c r="Q52" s="500">
        <v>89.000077000000005</v>
      </c>
      <c r="R52" s="540">
        <v>104.11333412124053</v>
      </c>
    </row>
    <row r="53" spans="1:18" s="29" customFormat="1">
      <c r="A53" s="46"/>
      <c r="B53" s="686"/>
      <c r="C53" s="686" t="s">
        <v>652</v>
      </c>
      <c r="D53" s="683"/>
      <c r="E53" s="700"/>
      <c r="F53" s="683"/>
      <c r="G53" s="700"/>
      <c r="H53" s="684"/>
      <c r="I53" s="683"/>
      <c r="J53" s="685"/>
      <c r="L53" s="500"/>
      <c r="M53" s="544"/>
      <c r="N53" s="500"/>
      <c r="O53" s="544"/>
      <c r="P53" s="501"/>
      <c r="Q53" s="500"/>
      <c r="R53" s="540"/>
    </row>
    <row r="54" spans="1:18" s="29" customFormat="1">
      <c r="A54" s="46"/>
      <c r="B54" s="687"/>
      <c r="C54" s="687" t="s">
        <v>24</v>
      </c>
      <c r="D54" s="688"/>
      <c r="E54" s="701"/>
      <c r="F54" s="688"/>
      <c r="G54" s="701"/>
      <c r="H54" s="689"/>
      <c r="I54" s="688"/>
      <c r="J54" s="690"/>
      <c r="L54" s="507"/>
      <c r="M54" s="545"/>
      <c r="N54" s="507"/>
      <c r="O54" s="545"/>
      <c r="P54" s="508"/>
      <c r="Q54" s="507"/>
      <c r="R54" s="541"/>
    </row>
    <row r="55" spans="1:18" s="29" customFormat="1">
      <c r="A55" s="46"/>
      <c r="B55" s="691" t="s">
        <v>25</v>
      </c>
      <c r="C55" s="681"/>
      <c r="D55" s="692">
        <v>50499.972800000003</v>
      </c>
      <c r="E55" s="702">
        <v>7.7544899281993332E-2</v>
      </c>
      <c r="F55" s="692">
        <v>1141</v>
      </c>
      <c r="G55" s="702">
        <v>40.624265940267087</v>
      </c>
      <c r="H55" s="693">
        <v>0.99486568595508174</v>
      </c>
      <c r="I55" s="692">
        <v>6860.6220860000003</v>
      </c>
      <c r="J55" s="694">
        <v>13.585397586590384</v>
      </c>
      <c r="K55" s="46"/>
      <c r="L55" s="510">
        <v>53464.827518999999</v>
      </c>
      <c r="M55" s="546">
        <v>8.1039448829162045E-2</v>
      </c>
      <c r="N55" s="510">
        <v>1234</v>
      </c>
      <c r="O55" s="546">
        <v>40.561697070099754</v>
      </c>
      <c r="P55" s="511">
        <v>1.2102093980219517</v>
      </c>
      <c r="Q55" s="510">
        <v>8092.284079</v>
      </c>
      <c r="R55" s="542">
        <v>15.135715300164794</v>
      </c>
    </row>
    <row r="56" spans="1:18" s="29" customFormat="1">
      <c r="A56" s="46"/>
      <c r="B56" s="46"/>
      <c r="C56" s="46"/>
      <c r="D56" s="46"/>
      <c r="E56" s="46"/>
      <c r="F56" s="46"/>
      <c r="G56" s="46"/>
      <c r="H56" s="46"/>
      <c r="I56" s="46"/>
      <c r="J56" s="549"/>
      <c r="K56" s="276"/>
      <c r="L56" s="276"/>
      <c r="M56" s="276"/>
      <c r="N56" s="276"/>
      <c r="O56" s="276"/>
      <c r="P56" s="276"/>
      <c r="Q56" s="276"/>
      <c r="R56" s="327"/>
    </row>
  </sheetData>
  <pageMargins left="0.70866141732283472" right="0.70866141732283472" top="0.74803149606299213" bottom="0.74803149606299213" header="0.31496062992125984" footer="0.31496062992125984"/>
  <pageSetup paperSize="9" scale="51" orientation="landscape"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B00-000000000000}">
  <sheetPr codeName="Sheet47">
    <pageSetUpPr fitToPage="1"/>
  </sheetPr>
  <dimension ref="A1:H18"/>
  <sheetViews>
    <sheetView zoomScaleNormal="100" workbookViewId="0">
      <selection activeCell="B3" sqref="B3"/>
    </sheetView>
  </sheetViews>
  <sheetFormatPr defaultColWidth="9" defaultRowHeight="13"/>
  <cols>
    <col min="1" max="1" width="7.58203125" style="83" customWidth="1"/>
    <col min="2" max="2" width="19.5" style="83" customWidth="1"/>
    <col min="3" max="7" width="15.58203125" style="83" customWidth="1"/>
    <col min="8" max="256" width="9" style="83"/>
    <col min="257" max="257" width="7.58203125" style="83" customWidth="1"/>
    <col min="258" max="258" width="19.5" style="83" customWidth="1"/>
    <col min="259" max="263" width="15.58203125" style="83" customWidth="1"/>
    <col min="264" max="512" width="9" style="83"/>
    <col min="513" max="513" width="7.58203125" style="83" customWidth="1"/>
    <col min="514" max="514" width="19.5" style="83" customWidth="1"/>
    <col min="515" max="519" width="15.58203125" style="83" customWidth="1"/>
    <col min="520" max="768" width="9" style="83"/>
    <col min="769" max="769" width="7.58203125" style="83" customWidth="1"/>
    <col min="770" max="770" width="19.5" style="83" customWidth="1"/>
    <col min="771" max="775" width="15.58203125" style="83" customWidth="1"/>
    <col min="776" max="1024" width="9" style="83"/>
    <col min="1025" max="1025" width="7.58203125" style="83" customWidth="1"/>
    <col min="1026" max="1026" width="19.5" style="83" customWidth="1"/>
    <col min="1027" max="1031" width="15.58203125" style="83" customWidth="1"/>
    <col min="1032" max="1280" width="9" style="83"/>
    <col min="1281" max="1281" width="7.58203125" style="83" customWidth="1"/>
    <col min="1282" max="1282" width="19.5" style="83" customWidth="1"/>
    <col min="1283" max="1287" width="15.58203125" style="83" customWidth="1"/>
    <col min="1288" max="1536" width="9" style="83"/>
    <col min="1537" max="1537" width="7.58203125" style="83" customWidth="1"/>
    <col min="1538" max="1538" width="19.5" style="83" customWidth="1"/>
    <col min="1539" max="1543" width="15.58203125" style="83" customWidth="1"/>
    <col min="1544" max="1792" width="9" style="83"/>
    <col min="1793" max="1793" width="7.58203125" style="83" customWidth="1"/>
    <col min="1794" max="1794" width="19.5" style="83" customWidth="1"/>
    <col min="1795" max="1799" width="15.58203125" style="83" customWidth="1"/>
    <col min="1800" max="2048" width="9" style="83"/>
    <col min="2049" max="2049" width="7.58203125" style="83" customWidth="1"/>
    <col min="2050" max="2050" width="19.5" style="83" customWidth="1"/>
    <col min="2051" max="2055" width="15.58203125" style="83" customWidth="1"/>
    <col min="2056" max="2304" width="9" style="83"/>
    <col min="2305" max="2305" width="7.58203125" style="83" customWidth="1"/>
    <col min="2306" max="2306" width="19.5" style="83" customWidth="1"/>
    <col min="2307" max="2311" width="15.58203125" style="83" customWidth="1"/>
    <col min="2312" max="2560" width="9" style="83"/>
    <col min="2561" max="2561" width="7.58203125" style="83" customWidth="1"/>
    <col min="2562" max="2562" width="19.5" style="83" customWidth="1"/>
    <col min="2563" max="2567" width="15.58203125" style="83" customWidth="1"/>
    <col min="2568" max="2816" width="9" style="83"/>
    <col min="2817" max="2817" width="7.58203125" style="83" customWidth="1"/>
    <col min="2818" max="2818" width="19.5" style="83" customWidth="1"/>
    <col min="2819" max="2823" width="15.58203125" style="83" customWidth="1"/>
    <col min="2824" max="3072" width="9" style="83"/>
    <col min="3073" max="3073" width="7.58203125" style="83" customWidth="1"/>
    <col min="3074" max="3074" width="19.5" style="83" customWidth="1"/>
    <col min="3075" max="3079" width="15.58203125" style="83" customWidth="1"/>
    <col min="3080" max="3328" width="9" style="83"/>
    <col min="3329" max="3329" width="7.58203125" style="83" customWidth="1"/>
    <col min="3330" max="3330" width="19.5" style="83" customWidth="1"/>
    <col min="3331" max="3335" width="15.58203125" style="83" customWidth="1"/>
    <col min="3336" max="3584" width="9" style="83"/>
    <col min="3585" max="3585" width="7.58203125" style="83" customWidth="1"/>
    <col min="3586" max="3586" width="19.5" style="83" customWidth="1"/>
    <col min="3587" max="3591" width="15.58203125" style="83" customWidth="1"/>
    <col min="3592" max="3840" width="9" style="83"/>
    <col min="3841" max="3841" width="7.58203125" style="83" customWidth="1"/>
    <col min="3842" max="3842" width="19.5" style="83" customWidth="1"/>
    <col min="3843" max="3847" width="15.58203125" style="83" customWidth="1"/>
    <col min="3848" max="4096" width="9" style="83"/>
    <col min="4097" max="4097" width="7.58203125" style="83" customWidth="1"/>
    <col min="4098" max="4098" width="19.5" style="83" customWidth="1"/>
    <col min="4099" max="4103" width="15.58203125" style="83" customWidth="1"/>
    <col min="4104" max="4352" width="9" style="83"/>
    <col min="4353" max="4353" width="7.58203125" style="83" customWidth="1"/>
    <col min="4354" max="4354" width="19.5" style="83" customWidth="1"/>
    <col min="4355" max="4359" width="15.58203125" style="83" customWidth="1"/>
    <col min="4360" max="4608" width="9" style="83"/>
    <col min="4609" max="4609" width="7.58203125" style="83" customWidth="1"/>
    <col min="4610" max="4610" width="19.5" style="83" customWidth="1"/>
    <col min="4611" max="4615" width="15.58203125" style="83" customWidth="1"/>
    <col min="4616" max="4864" width="9" style="83"/>
    <col min="4865" max="4865" width="7.58203125" style="83" customWidth="1"/>
    <col min="4866" max="4866" width="19.5" style="83" customWidth="1"/>
    <col min="4867" max="4871" width="15.58203125" style="83" customWidth="1"/>
    <col min="4872" max="5120" width="9" style="83"/>
    <col min="5121" max="5121" width="7.58203125" style="83" customWidth="1"/>
    <col min="5122" max="5122" width="19.5" style="83" customWidth="1"/>
    <col min="5123" max="5127" width="15.58203125" style="83" customWidth="1"/>
    <col min="5128" max="5376" width="9" style="83"/>
    <col min="5377" max="5377" width="7.58203125" style="83" customWidth="1"/>
    <col min="5378" max="5378" width="19.5" style="83" customWidth="1"/>
    <col min="5379" max="5383" width="15.58203125" style="83" customWidth="1"/>
    <col min="5384" max="5632" width="9" style="83"/>
    <col min="5633" max="5633" width="7.58203125" style="83" customWidth="1"/>
    <col min="5634" max="5634" width="19.5" style="83" customWidth="1"/>
    <col min="5635" max="5639" width="15.58203125" style="83" customWidth="1"/>
    <col min="5640" max="5888" width="9" style="83"/>
    <col min="5889" max="5889" width="7.58203125" style="83" customWidth="1"/>
    <col min="5890" max="5890" width="19.5" style="83" customWidth="1"/>
    <col min="5891" max="5895" width="15.58203125" style="83" customWidth="1"/>
    <col min="5896" max="6144" width="9" style="83"/>
    <col min="6145" max="6145" width="7.58203125" style="83" customWidth="1"/>
    <col min="6146" max="6146" width="19.5" style="83" customWidth="1"/>
    <col min="6147" max="6151" width="15.58203125" style="83" customWidth="1"/>
    <col min="6152" max="6400" width="9" style="83"/>
    <col min="6401" max="6401" width="7.58203125" style="83" customWidth="1"/>
    <col min="6402" max="6402" width="19.5" style="83" customWidth="1"/>
    <col min="6403" max="6407" width="15.58203125" style="83" customWidth="1"/>
    <col min="6408" max="6656" width="9" style="83"/>
    <col min="6657" max="6657" width="7.58203125" style="83" customWidth="1"/>
    <col min="6658" max="6658" width="19.5" style="83" customWidth="1"/>
    <col min="6659" max="6663" width="15.58203125" style="83" customWidth="1"/>
    <col min="6664" max="6912" width="9" style="83"/>
    <col min="6913" max="6913" width="7.58203125" style="83" customWidth="1"/>
    <col min="6914" max="6914" width="19.5" style="83" customWidth="1"/>
    <col min="6915" max="6919" width="15.58203125" style="83" customWidth="1"/>
    <col min="6920" max="7168" width="9" style="83"/>
    <col min="7169" max="7169" width="7.58203125" style="83" customWidth="1"/>
    <col min="7170" max="7170" width="19.5" style="83" customWidth="1"/>
    <col min="7171" max="7175" width="15.58203125" style="83" customWidth="1"/>
    <col min="7176" max="7424" width="9" style="83"/>
    <col min="7425" max="7425" width="7.58203125" style="83" customWidth="1"/>
    <col min="7426" max="7426" width="19.5" style="83" customWidth="1"/>
    <col min="7427" max="7431" width="15.58203125" style="83" customWidth="1"/>
    <col min="7432" max="7680" width="9" style="83"/>
    <col min="7681" max="7681" width="7.58203125" style="83" customWidth="1"/>
    <col min="7682" max="7682" width="19.5" style="83" customWidth="1"/>
    <col min="7683" max="7687" width="15.58203125" style="83" customWidth="1"/>
    <col min="7688" max="7936" width="9" style="83"/>
    <col min="7937" max="7937" width="7.58203125" style="83" customWidth="1"/>
    <col min="7938" max="7938" width="19.5" style="83" customWidth="1"/>
    <col min="7939" max="7943" width="15.58203125" style="83" customWidth="1"/>
    <col min="7944" max="8192" width="9" style="83"/>
    <col min="8193" max="8193" width="7.58203125" style="83" customWidth="1"/>
    <col min="8194" max="8194" width="19.5" style="83" customWidth="1"/>
    <col min="8195" max="8199" width="15.58203125" style="83" customWidth="1"/>
    <col min="8200" max="8448" width="9" style="83"/>
    <col min="8449" max="8449" width="7.58203125" style="83" customWidth="1"/>
    <col min="8450" max="8450" width="19.5" style="83" customWidth="1"/>
    <col min="8451" max="8455" width="15.58203125" style="83" customWidth="1"/>
    <col min="8456" max="8704" width="9" style="83"/>
    <col min="8705" max="8705" width="7.58203125" style="83" customWidth="1"/>
    <col min="8706" max="8706" width="19.5" style="83" customWidth="1"/>
    <col min="8707" max="8711" width="15.58203125" style="83" customWidth="1"/>
    <col min="8712" max="8960" width="9" style="83"/>
    <col min="8961" max="8961" width="7.58203125" style="83" customWidth="1"/>
    <col min="8962" max="8962" width="19.5" style="83" customWidth="1"/>
    <col min="8963" max="8967" width="15.58203125" style="83" customWidth="1"/>
    <col min="8968" max="9216" width="9" style="83"/>
    <col min="9217" max="9217" width="7.58203125" style="83" customWidth="1"/>
    <col min="9218" max="9218" width="19.5" style="83" customWidth="1"/>
    <col min="9219" max="9223" width="15.58203125" style="83" customWidth="1"/>
    <col min="9224" max="9472" width="9" style="83"/>
    <col min="9473" max="9473" width="7.58203125" style="83" customWidth="1"/>
    <col min="9474" max="9474" width="19.5" style="83" customWidth="1"/>
    <col min="9475" max="9479" width="15.58203125" style="83" customWidth="1"/>
    <col min="9480" max="9728" width="9" style="83"/>
    <col min="9729" max="9729" width="7.58203125" style="83" customWidth="1"/>
    <col min="9730" max="9730" width="19.5" style="83" customWidth="1"/>
    <col min="9731" max="9735" width="15.58203125" style="83" customWidth="1"/>
    <col min="9736" max="9984" width="9" style="83"/>
    <col min="9985" max="9985" width="7.58203125" style="83" customWidth="1"/>
    <col min="9986" max="9986" width="19.5" style="83" customWidth="1"/>
    <col min="9987" max="9991" width="15.58203125" style="83" customWidth="1"/>
    <col min="9992" max="10240" width="9" style="83"/>
    <col min="10241" max="10241" width="7.58203125" style="83" customWidth="1"/>
    <col min="10242" max="10242" width="19.5" style="83" customWidth="1"/>
    <col min="10243" max="10247" width="15.58203125" style="83" customWidth="1"/>
    <col min="10248" max="10496" width="9" style="83"/>
    <col min="10497" max="10497" width="7.58203125" style="83" customWidth="1"/>
    <col min="10498" max="10498" width="19.5" style="83" customWidth="1"/>
    <col min="10499" max="10503" width="15.58203125" style="83" customWidth="1"/>
    <col min="10504" max="10752" width="9" style="83"/>
    <col min="10753" max="10753" width="7.58203125" style="83" customWidth="1"/>
    <col min="10754" max="10754" width="19.5" style="83" customWidth="1"/>
    <col min="10755" max="10759" width="15.58203125" style="83" customWidth="1"/>
    <col min="10760" max="11008" width="9" style="83"/>
    <col min="11009" max="11009" width="7.58203125" style="83" customWidth="1"/>
    <col min="11010" max="11010" width="19.5" style="83" customWidth="1"/>
    <col min="11011" max="11015" width="15.58203125" style="83" customWidth="1"/>
    <col min="11016" max="11264" width="9" style="83"/>
    <col min="11265" max="11265" width="7.58203125" style="83" customWidth="1"/>
    <col min="11266" max="11266" width="19.5" style="83" customWidth="1"/>
    <col min="11267" max="11271" width="15.58203125" style="83" customWidth="1"/>
    <col min="11272" max="11520" width="9" style="83"/>
    <col min="11521" max="11521" width="7.58203125" style="83" customWidth="1"/>
    <col min="11522" max="11522" width="19.5" style="83" customWidth="1"/>
    <col min="11523" max="11527" width="15.58203125" style="83" customWidth="1"/>
    <col min="11528" max="11776" width="9" style="83"/>
    <col min="11777" max="11777" width="7.58203125" style="83" customWidth="1"/>
    <col min="11778" max="11778" width="19.5" style="83" customWidth="1"/>
    <col min="11779" max="11783" width="15.58203125" style="83" customWidth="1"/>
    <col min="11784" max="12032" width="9" style="83"/>
    <col min="12033" max="12033" width="7.58203125" style="83" customWidth="1"/>
    <col min="12034" max="12034" width="19.5" style="83" customWidth="1"/>
    <col min="12035" max="12039" width="15.58203125" style="83" customWidth="1"/>
    <col min="12040" max="12288" width="9" style="83"/>
    <col min="12289" max="12289" width="7.58203125" style="83" customWidth="1"/>
    <col min="12290" max="12290" width="19.5" style="83" customWidth="1"/>
    <col min="12291" max="12295" width="15.58203125" style="83" customWidth="1"/>
    <col min="12296" max="12544" width="9" style="83"/>
    <col min="12545" max="12545" width="7.58203125" style="83" customWidth="1"/>
    <col min="12546" max="12546" width="19.5" style="83" customWidth="1"/>
    <col min="12547" max="12551" width="15.58203125" style="83" customWidth="1"/>
    <col min="12552" max="12800" width="9" style="83"/>
    <col min="12801" max="12801" width="7.58203125" style="83" customWidth="1"/>
    <col min="12802" max="12802" width="19.5" style="83" customWidth="1"/>
    <col min="12803" max="12807" width="15.58203125" style="83" customWidth="1"/>
    <col min="12808" max="13056" width="9" style="83"/>
    <col min="13057" max="13057" width="7.58203125" style="83" customWidth="1"/>
    <col min="13058" max="13058" width="19.5" style="83" customWidth="1"/>
    <col min="13059" max="13063" width="15.58203125" style="83" customWidth="1"/>
    <col min="13064" max="13312" width="9" style="83"/>
    <col min="13313" max="13313" width="7.58203125" style="83" customWidth="1"/>
    <col min="13314" max="13314" width="19.5" style="83" customWidth="1"/>
    <col min="13315" max="13319" width="15.58203125" style="83" customWidth="1"/>
    <col min="13320" max="13568" width="9" style="83"/>
    <col min="13569" max="13569" width="7.58203125" style="83" customWidth="1"/>
    <col min="13570" max="13570" width="19.5" style="83" customWidth="1"/>
    <col min="13571" max="13575" width="15.58203125" style="83" customWidth="1"/>
    <col min="13576" max="13824" width="9" style="83"/>
    <col min="13825" max="13825" width="7.58203125" style="83" customWidth="1"/>
    <col min="13826" max="13826" width="19.5" style="83" customWidth="1"/>
    <col min="13827" max="13831" width="15.58203125" style="83" customWidth="1"/>
    <col min="13832" max="14080" width="9" style="83"/>
    <col min="14081" max="14081" width="7.58203125" style="83" customWidth="1"/>
    <col min="14082" max="14082" width="19.5" style="83" customWidth="1"/>
    <col min="14083" max="14087" width="15.58203125" style="83" customWidth="1"/>
    <col min="14088" max="14336" width="9" style="83"/>
    <col min="14337" max="14337" width="7.58203125" style="83" customWidth="1"/>
    <col min="14338" max="14338" width="19.5" style="83" customWidth="1"/>
    <col min="14339" max="14343" width="15.58203125" style="83" customWidth="1"/>
    <col min="14344" max="14592" width="9" style="83"/>
    <col min="14593" max="14593" width="7.58203125" style="83" customWidth="1"/>
    <col min="14594" max="14594" width="19.5" style="83" customWidth="1"/>
    <col min="14595" max="14599" width="15.58203125" style="83" customWidth="1"/>
    <col min="14600" max="14848" width="9" style="83"/>
    <col min="14849" max="14849" width="7.58203125" style="83" customWidth="1"/>
    <col min="14850" max="14850" width="19.5" style="83" customWidth="1"/>
    <col min="14851" max="14855" width="15.58203125" style="83" customWidth="1"/>
    <col min="14856" max="15104" width="9" style="83"/>
    <col min="15105" max="15105" width="7.58203125" style="83" customWidth="1"/>
    <col min="15106" max="15106" width="19.5" style="83" customWidth="1"/>
    <col min="15107" max="15111" width="15.58203125" style="83" customWidth="1"/>
    <col min="15112" max="15360" width="9" style="83"/>
    <col min="15361" max="15361" width="7.58203125" style="83" customWidth="1"/>
    <col min="15362" max="15362" width="19.5" style="83" customWidth="1"/>
    <col min="15363" max="15367" width="15.58203125" style="83" customWidth="1"/>
    <col min="15368" max="15616" width="9" style="83"/>
    <col min="15617" max="15617" width="7.58203125" style="83" customWidth="1"/>
    <col min="15618" max="15618" width="19.5" style="83" customWidth="1"/>
    <col min="15619" max="15623" width="15.58203125" style="83" customWidth="1"/>
    <col min="15624" max="15872" width="9" style="83"/>
    <col min="15873" max="15873" width="7.58203125" style="83" customWidth="1"/>
    <col min="15874" max="15874" width="19.5" style="83" customWidth="1"/>
    <col min="15875" max="15879" width="15.58203125" style="83" customWidth="1"/>
    <col min="15880" max="16128" width="9" style="83"/>
    <col min="16129" max="16129" width="7.58203125" style="83" customWidth="1"/>
    <col min="16130" max="16130" width="19.5" style="83" customWidth="1"/>
    <col min="16131" max="16135" width="15.58203125" style="83" customWidth="1"/>
    <col min="16136" max="16384" width="9" style="83"/>
  </cols>
  <sheetData>
    <row r="1" spans="1:8" s="84" customFormat="1">
      <c r="A1" s="652" t="s">
        <v>685</v>
      </c>
      <c r="B1" s="652"/>
      <c r="C1" s="6"/>
    </row>
    <row r="2" spans="1:8" s="84" customFormat="1">
      <c r="G2" s="269"/>
    </row>
    <row r="3" spans="1:8" s="84" customFormat="1">
      <c r="B3" s="36" t="s">
        <v>231</v>
      </c>
    </row>
    <row r="4" spans="1:8" s="84" customFormat="1">
      <c r="B4" s="36"/>
    </row>
    <row r="5" spans="1:8">
      <c r="B5" s="85"/>
      <c r="C5" s="169" t="s">
        <v>1</v>
      </c>
      <c r="D5" s="169" t="s">
        <v>2</v>
      </c>
      <c r="E5" s="169" t="s">
        <v>3</v>
      </c>
      <c r="F5" s="169" t="s">
        <v>9</v>
      </c>
      <c r="G5" s="169" t="s">
        <v>10</v>
      </c>
    </row>
    <row r="6" spans="1:8" ht="54" customHeight="1">
      <c r="B6" s="52" t="s">
        <v>693</v>
      </c>
      <c r="C6" s="66" t="s">
        <v>196</v>
      </c>
      <c r="D6" s="66" t="s">
        <v>197</v>
      </c>
      <c r="E6" s="66" t="s">
        <v>198</v>
      </c>
      <c r="F6" s="66" t="s">
        <v>199</v>
      </c>
      <c r="G6" s="66" t="s">
        <v>200</v>
      </c>
      <c r="H6" s="65"/>
    </row>
    <row r="7" spans="1:8">
      <c r="A7" s="169">
        <v>1</v>
      </c>
      <c r="B7" s="84" t="s">
        <v>201</v>
      </c>
      <c r="C7" s="183">
        <v>349525.70167945197</v>
      </c>
      <c r="D7" s="183">
        <v>-261701.44007589307</v>
      </c>
      <c r="E7" s="183">
        <v>87824.261603558902</v>
      </c>
      <c r="F7" s="183">
        <v>-81149.892613450967</v>
      </c>
      <c r="G7" s="183">
        <v>6674.3689901079397</v>
      </c>
      <c r="H7" s="84"/>
    </row>
    <row r="8" spans="1:8">
      <c r="A8" s="169">
        <v>2</v>
      </c>
      <c r="B8" s="84" t="s">
        <v>682</v>
      </c>
      <c r="C8" s="183">
        <v>56646.7909213108</v>
      </c>
      <c r="D8" s="183">
        <v>-5192.2981114376016</v>
      </c>
      <c r="E8" s="183">
        <v>51454.492809873198</v>
      </c>
      <c r="F8" s="183">
        <v>-37884.198637809597</v>
      </c>
      <c r="G8" s="183">
        <v>13570.294172063601</v>
      </c>
      <c r="H8" s="84"/>
    </row>
    <row r="9" spans="1:8">
      <c r="A9" s="169">
        <v>3</v>
      </c>
      <c r="B9" s="207" t="s">
        <v>202</v>
      </c>
      <c r="C9" s="184"/>
      <c r="D9" s="184"/>
      <c r="E9" s="184"/>
      <c r="F9" s="184"/>
      <c r="G9" s="184"/>
      <c r="H9" s="84"/>
    </row>
    <row r="10" spans="1:8">
      <c r="A10" s="168">
        <v>4</v>
      </c>
      <c r="B10" s="208" t="s">
        <v>203</v>
      </c>
      <c r="C10" s="67">
        <v>406172.49260076275</v>
      </c>
      <c r="D10" s="67">
        <v>-266893.73818733066</v>
      </c>
      <c r="E10" s="67">
        <v>139278.75441343209</v>
      </c>
      <c r="F10" s="67">
        <v>-119034.09125126057</v>
      </c>
      <c r="G10" s="67">
        <v>20244.663162171542</v>
      </c>
      <c r="H10" s="84"/>
    </row>
    <row r="11" spans="1:8">
      <c r="B11" s="84"/>
      <c r="C11" s="84"/>
      <c r="D11" s="84"/>
      <c r="E11" s="84"/>
      <c r="F11" s="84"/>
      <c r="G11" s="84"/>
      <c r="H11" s="84"/>
    </row>
    <row r="12" spans="1:8">
      <c r="B12" s="85"/>
      <c r="C12" s="169" t="s">
        <v>1</v>
      </c>
      <c r="D12" s="169" t="s">
        <v>2</v>
      </c>
      <c r="E12" s="169" t="s">
        <v>3</v>
      </c>
      <c r="F12" s="169" t="s">
        <v>9</v>
      </c>
      <c r="G12" s="169" t="s">
        <v>10</v>
      </c>
    </row>
    <row r="13" spans="1:8" ht="54" customHeight="1">
      <c r="B13" s="537" t="s">
        <v>694</v>
      </c>
      <c r="C13" s="550" t="s">
        <v>196</v>
      </c>
      <c r="D13" s="550" t="s">
        <v>197</v>
      </c>
      <c r="E13" s="550" t="s">
        <v>198</v>
      </c>
      <c r="F13" s="550" t="s">
        <v>199</v>
      </c>
      <c r="G13" s="550" t="s">
        <v>200</v>
      </c>
      <c r="H13" s="307"/>
    </row>
    <row r="14" spans="1:8">
      <c r="A14" s="169">
        <v>1</v>
      </c>
      <c r="B14" s="548" t="s">
        <v>201</v>
      </c>
      <c r="C14" s="551">
        <v>362585.67086846998</v>
      </c>
      <c r="D14" s="551">
        <v>-274892.18012015888</v>
      </c>
      <c r="E14" s="551">
        <v>87693.490748311102</v>
      </c>
      <c r="F14" s="551">
        <v>-72214.058818703998</v>
      </c>
      <c r="G14" s="551">
        <v>15479.431929607101</v>
      </c>
      <c r="H14" s="84"/>
    </row>
    <row r="15" spans="1:8">
      <c r="A15" s="169">
        <v>2</v>
      </c>
      <c r="B15" s="548" t="s">
        <v>682</v>
      </c>
      <c r="C15" s="551">
        <v>49686.480859750198</v>
      </c>
      <c r="D15" s="551">
        <v>-6664.2735982304948</v>
      </c>
      <c r="E15" s="551">
        <v>43022.207261519703</v>
      </c>
      <c r="F15" s="551">
        <v>-32486.948866792001</v>
      </c>
      <c r="G15" s="551">
        <v>10535.2583947277</v>
      </c>
      <c r="H15" s="84"/>
    </row>
    <row r="16" spans="1:8">
      <c r="A16" s="169">
        <v>3</v>
      </c>
      <c r="B16" s="552" t="s">
        <v>202</v>
      </c>
      <c r="C16" s="553"/>
      <c r="D16" s="553"/>
      <c r="E16" s="553"/>
      <c r="F16" s="553"/>
      <c r="G16" s="553"/>
      <c r="H16" s="84"/>
    </row>
    <row r="17" spans="1:8">
      <c r="A17" s="168">
        <v>4</v>
      </c>
      <c r="B17" s="554" t="s">
        <v>203</v>
      </c>
      <c r="C17" s="555">
        <v>412272.15172822017</v>
      </c>
      <c r="D17" s="555">
        <v>-281556.45371838938</v>
      </c>
      <c r="E17" s="555">
        <v>130715.69800983081</v>
      </c>
      <c r="F17" s="555">
        <v>-104701.00768549601</v>
      </c>
      <c r="G17" s="555">
        <v>26014.690324334799</v>
      </c>
      <c r="H17" s="84"/>
    </row>
    <row r="18" spans="1:8">
      <c r="B18" s="84"/>
      <c r="C18" s="84"/>
      <c r="D18" s="84"/>
      <c r="E18" s="84"/>
      <c r="F18" s="84"/>
      <c r="G18" s="84"/>
      <c r="H18" s="84"/>
    </row>
  </sheetData>
  <pageMargins left="0.70866141732283472" right="0.70866141732283472" top="0.74803149606299213" bottom="0.74803149606299213" header="0.31496062992125984" footer="0.31496062992125984"/>
  <pageSetup paperSize="9" scale="78"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C00-000000000000}">
  <sheetPr codeName="Sheet48">
    <pageSetUpPr fitToPage="1"/>
  </sheetPr>
  <dimension ref="A1:I31"/>
  <sheetViews>
    <sheetView zoomScaleNormal="100" workbookViewId="0">
      <selection activeCell="B3" sqref="B3"/>
    </sheetView>
  </sheetViews>
  <sheetFormatPr defaultColWidth="9" defaultRowHeight="13"/>
  <cols>
    <col min="1" max="1" width="6.83203125" style="47" customWidth="1"/>
    <col min="2" max="2" width="28.58203125" style="57" customWidth="1"/>
    <col min="3" max="14" width="16.58203125" style="47" customWidth="1"/>
    <col min="15" max="256" width="9" style="47"/>
    <col min="257" max="257" width="7.58203125" style="47" customWidth="1"/>
    <col min="258" max="258" width="28.58203125" style="47" customWidth="1"/>
    <col min="259" max="270" width="16.58203125" style="47" customWidth="1"/>
    <col min="271" max="512" width="9" style="47"/>
    <col min="513" max="513" width="7.58203125" style="47" customWidth="1"/>
    <col min="514" max="514" width="28.58203125" style="47" customWidth="1"/>
    <col min="515" max="526" width="16.58203125" style="47" customWidth="1"/>
    <col min="527" max="768" width="9" style="47"/>
    <col min="769" max="769" width="7.58203125" style="47" customWidth="1"/>
    <col min="770" max="770" width="28.58203125" style="47" customWidth="1"/>
    <col min="771" max="782" width="16.58203125" style="47" customWidth="1"/>
    <col min="783" max="1024" width="9" style="47"/>
    <col min="1025" max="1025" width="7.58203125" style="47" customWidth="1"/>
    <col min="1026" max="1026" width="28.58203125" style="47" customWidth="1"/>
    <col min="1027" max="1038" width="16.58203125" style="47" customWidth="1"/>
    <col min="1039" max="1280" width="9" style="47"/>
    <col min="1281" max="1281" width="7.58203125" style="47" customWidth="1"/>
    <col min="1282" max="1282" width="28.58203125" style="47" customWidth="1"/>
    <col min="1283" max="1294" width="16.58203125" style="47" customWidth="1"/>
    <col min="1295" max="1536" width="9" style="47"/>
    <col min="1537" max="1537" width="7.58203125" style="47" customWidth="1"/>
    <col min="1538" max="1538" width="28.58203125" style="47" customWidth="1"/>
    <col min="1539" max="1550" width="16.58203125" style="47" customWidth="1"/>
    <col min="1551" max="1792" width="9" style="47"/>
    <col min="1793" max="1793" width="7.58203125" style="47" customWidth="1"/>
    <col min="1794" max="1794" width="28.58203125" style="47" customWidth="1"/>
    <col min="1795" max="1806" width="16.58203125" style="47" customWidth="1"/>
    <col min="1807" max="2048" width="9" style="47"/>
    <col min="2049" max="2049" width="7.58203125" style="47" customWidth="1"/>
    <col min="2050" max="2050" width="28.58203125" style="47" customWidth="1"/>
    <col min="2051" max="2062" width="16.58203125" style="47" customWidth="1"/>
    <col min="2063" max="2304" width="9" style="47"/>
    <col min="2305" max="2305" width="7.58203125" style="47" customWidth="1"/>
    <col min="2306" max="2306" width="28.58203125" style="47" customWidth="1"/>
    <col min="2307" max="2318" width="16.58203125" style="47" customWidth="1"/>
    <col min="2319" max="2560" width="9" style="47"/>
    <col min="2561" max="2561" width="7.58203125" style="47" customWidth="1"/>
    <col min="2562" max="2562" width="28.58203125" style="47" customWidth="1"/>
    <col min="2563" max="2574" width="16.58203125" style="47" customWidth="1"/>
    <col min="2575" max="2816" width="9" style="47"/>
    <col min="2817" max="2817" width="7.58203125" style="47" customWidth="1"/>
    <col min="2818" max="2818" width="28.58203125" style="47" customWidth="1"/>
    <col min="2819" max="2830" width="16.58203125" style="47" customWidth="1"/>
    <col min="2831" max="3072" width="9" style="47"/>
    <col min="3073" max="3073" width="7.58203125" style="47" customWidth="1"/>
    <col min="3074" max="3074" width="28.58203125" style="47" customWidth="1"/>
    <col min="3075" max="3086" width="16.58203125" style="47" customWidth="1"/>
    <col min="3087" max="3328" width="9" style="47"/>
    <col min="3329" max="3329" width="7.58203125" style="47" customWidth="1"/>
    <col min="3330" max="3330" width="28.58203125" style="47" customWidth="1"/>
    <col min="3331" max="3342" width="16.58203125" style="47" customWidth="1"/>
    <col min="3343" max="3584" width="9" style="47"/>
    <col min="3585" max="3585" width="7.58203125" style="47" customWidth="1"/>
    <col min="3586" max="3586" width="28.58203125" style="47" customWidth="1"/>
    <col min="3587" max="3598" width="16.58203125" style="47" customWidth="1"/>
    <col min="3599" max="3840" width="9" style="47"/>
    <col min="3841" max="3841" width="7.58203125" style="47" customWidth="1"/>
    <col min="3842" max="3842" width="28.58203125" style="47" customWidth="1"/>
    <col min="3843" max="3854" width="16.58203125" style="47" customWidth="1"/>
    <col min="3855" max="4096" width="9" style="47"/>
    <col min="4097" max="4097" width="7.58203125" style="47" customWidth="1"/>
    <col min="4098" max="4098" width="28.58203125" style="47" customWidth="1"/>
    <col min="4099" max="4110" width="16.58203125" style="47" customWidth="1"/>
    <col min="4111" max="4352" width="9" style="47"/>
    <col min="4353" max="4353" width="7.58203125" style="47" customWidth="1"/>
    <col min="4354" max="4354" width="28.58203125" style="47" customWidth="1"/>
    <col min="4355" max="4366" width="16.58203125" style="47" customWidth="1"/>
    <col min="4367" max="4608" width="9" style="47"/>
    <col min="4609" max="4609" width="7.58203125" style="47" customWidth="1"/>
    <col min="4610" max="4610" width="28.58203125" style="47" customWidth="1"/>
    <col min="4611" max="4622" width="16.58203125" style="47" customWidth="1"/>
    <col min="4623" max="4864" width="9" style="47"/>
    <col min="4865" max="4865" width="7.58203125" style="47" customWidth="1"/>
    <col min="4866" max="4866" width="28.58203125" style="47" customWidth="1"/>
    <col min="4867" max="4878" width="16.58203125" style="47" customWidth="1"/>
    <col min="4879" max="5120" width="9" style="47"/>
    <col min="5121" max="5121" width="7.58203125" style="47" customWidth="1"/>
    <col min="5122" max="5122" width="28.58203125" style="47" customWidth="1"/>
    <col min="5123" max="5134" width="16.58203125" style="47" customWidth="1"/>
    <col min="5135" max="5376" width="9" style="47"/>
    <col min="5377" max="5377" width="7.58203125" style="47" customWidth="1"/>
    <col min="5378" max="5378" width="28.58203125" style="47" customWidth="1"/>
    <col min="5379" max="5390" width="16.58203125" style="47" customWidth="1"/>
    <col min="5391" max="5632" width="9" style="47"/>
    <col min="5633" max="5633" width="7.58203125" style="47" customWidth="1"/>
    <col min="5634" max="5634" width="28.58203125" style="47" customWidth="1"/>
    <col min="5635" max="5646" width="16.58203125" style="47" customWidth="1"/>
    <col min="5647" max="5888" width="9" style="47"/>
    <col min="5889" max="5889" width="7.58203125" style="47" customWidth="1"/>
    <col min="5890" max="5890" width="28.58203125" style="47" customWidth="1"/>
    <col min="5891" max="5902" width="16.58203125" style="47" customWidth="1"/>
    <col min="5903" max="6144" width="9" style="47"/>
    <col min="6145" max="6145" width="7.58203125" style="47" customWidth="1"/>
    <col min="6146" max="6146" width="28.58203125" style="47" customWidth="1"/>
    <col min="6147" max="6158" width="16.58203125" style="47" customWidth="1"/>
    <col min="6159" max="6400" width="9" style="47"/>
    <col min="6401" max="6401" width="7.58203125" style="47" customWidth="1"/>
    <col min="6402" max="6402" width="28.58203125" style="47" customWidth="1"/>
    <col min="6403" max="6414" width="16.58203125" style="47" customWidth="1"/>
    <col min="6415" max="6656" width="9" style="47"/>
    <col min="6657" max="6657" width="7.58203125" style="47" customWidth="1"/>
    <col min="6658" max="6658" width="28.58203125" style="47" customWidth="1"/>
    <col min="6659" max="6670" width="16.58203125" style="47" customWidth="1"/>
    <col min="6671" max="6912" width="9" style="47"/>
    <col min="6913" max="6913" width="7.58203125" style="47" customWidth="1"/>
    <col min="6914" max="6914" width="28.58203125" style="47" customWidth="1"/>
    <col min="6915" max="6926" width="16.58203125" style="47" customWidth="1"/>
    <col min="6927" max="7168" width="9" style="47"/>
    <col min="7169" max="7169" width="7.58203125" style="47" customWidth="1"/>
    <col min="7170" max="7170" width="28.58203125" style="47" customWidth="1"/>
    <col min="7171" max="7182" width="16.58203125" style="47" customWidth="1"/>
    <col min="7183" max="7424" width="9" style="47"/>
    <col min="7425" max="7425" width="7.58203125" style="47" customWidth="1"/>
    <col min="7426" max="7426" width="28.58203125" style="47" customWidth="1"/>
    <col min="7427" max="7438" width="16.58203125" style="47" customWidth="1"/>
    <col min="7439" max="7680" width="9" style="47"/>
    <col min="7681" max="7681" width="7.58203125" style="47" customWidth="1"/>
    <col min="7682" max="7682" width="28.58203125" style="47" customWidth="1"/>
    <col min="7683" max="7694" width="16.58203125" style="47" customWidth="1"/>
    <col min="7695" max="7936" width="9" style="47"/>
    <col min="7937" max="7937" width="7.58203125" style="47" customWidth="1"/>
    <col min="7938" max="7938" width="28.58203125" style="47" customWidth="1"/>
    <col min="7939" max="7950" width="16.58203125" style="47" customWidth="1"/>
    <col min="7951" max="8192" width="9" style="47"/>
    <col min="8193" max="8193" width="7.58203125" style="47" customWidth="1"/>
    <col min="8194" max="8194" width="28.58203125" style="47" customWidth="1"/>
    <col min="8195" max="8206" width="16.58203125" style="47" customWidth="1"/>
    <col min="8207" max="8448" width="9" style="47"/>
    <col min="8449" max="8449" width="7.58203125" style="47" customWidth="1"/>
    <col min="8450" max="8450" width="28.58203125" style="47" customWidth="1"/>
    <col min="8451" max="8462" width="16.58203125" style="47" customWidth="1"/>
    <col min="8463" max="8704" width="9" style="47"/>
    <col min="8705" max="8705" width="7.58203125" style="47" customWidth="1"/>
    <col min="8706" max="8706" width="28.58203125" style="47" customWidth="1"/>
    <col min="8707" max="8718" width="16.58203125" style="47" customWidth="1"/>
    <col min="8719" max="8960" width="9" style="47"/>
    <col min="8961" max="8961" width="7.58203125" style="47" customWidth="1"/>
    <col min="8962" max="8962" width="28.58203125" style="47" customWidth="1"/>
    <col min="8963" max="8974" width="16.58203125" style="47" customWidth="1"/>
    <col min="8975" max="9216" width="9" style="47"/>
    <col min="9217" max="9217" width="7.58203125" style="47" customWidth="1"/>
    <col min="9218" max="9218" width="28.58203125" style="47" customWidth="1"/>
    <col min="9219" max="9230" width="16.58203125" style="47" customWidth="1"/>
    <col min="9231" max="9472" width="9" style="47"/>
    <col min="9473" max="9473" width="7.58203125" style="47" customWidth="1"/>
    <col min="9474" max="9474" width="28.58203125" style="47" customWidth="1"/>
    <col min="9475" max="9486" width="16.58203125" style="47" customWidth="1"/>
    <col min="9487" max="9728" width="9" style="47"/>
    <col min="9729" max="9729" width="7.58203125" style="47" customWidth="1"/>
    <col min="9730" max="9730" width="28.58203125" style="47" customWidth="1"/>
    <col min="9731" max="9742" width="16.58203125" style="47" customWidth="1"/>
    <col min="9743" max="9984" width="9" style="47"/>
    <col min="9985" max="9985" width="7.58203125" style="47" customWidth="1"/>
    <col min="9986" max="9986" width="28.58203125" style="47" customWidth="1"/>
    <col min="9987" max="9998" width="16.58203125" style="47" customWidth="1"/>
    <col min="9999" max="10240" width="9" style="47"/>
    <col min="10241" max="10241" width="7.58203125" style="47" customWidth="1"/>
    <col min="10242" max="10242" width="28.58203125" style="47" customWidth="1"/>
    <col min="10243" max="10254" width="16.58203125" style="47" customWidth="1"/>
    <col min="10255" max="10496" width="9" style="47"/>
    <col min="10497" max="10497" width="7.58203125" style="47" customWidth="1"/>
    <col min="10498" max="10498" width="28.58203125" style="47" customWidth="1"/>
    <col min="10499" max="10510" width="16.58203125" style="47" customWidth="1"/>
    <col min="10511" max="10752" width="9" style="47"/>
    <col min="10753" max="10753" width="7.58203125" style="47" customWidth="1"/>
    <col min="10754" max="10754" width="28.58203125" style="47" customWidth="1"/>
    <col min="10755" max="10766" width="16.58203125" style="47" customWidth="1"/>
    <col min="10767" max="11008" width="9" style="47"/>
    <col min="11009" max="11009" width="7.58203125" style="47" customWidth="1"/>
    <col min="11010" max="11010" width="28.58203125" style="47" customWidth="1"/>
    <col min="11011" max="11022" width="16.58203125" style="47" customWidth="1"/>
    <col min="11023" max="11264" width="9" style="47"/>
    <col min="11265" max="11265" width="7.58203125" style="47" customWidth="1"/>
    <col min="11266" max="11266" width="28.58203125" style="47" customWidth="1"/>
    <col min="11267" max="11278" width="16.58203125" style="47" customWidth="1"/>
    <col min="11279" max="11520" width="9" style="47"/>
    <col min="11521" max="11521" width="7.58203125" style="47" customWidth="1"/>
    <col min="11522" max="11522" width="28.58203125" style="47" customWidth="1"/>
    <col min="11523" max="11534" width="16.58203125" style="47" customWidth="1"/>
    <col min="11535" max="11776" width="9" style="47"/>
    <col min="11777" max="11777" width="7.58203125" style="47" customWidth="1"/>
    <col min="11778" max="11778" width="28.58203125" style="47" customWidth="1"/>
    <col min="11779" max="11790" width="16.58203125" style="47" customWidth="1"/>
    <col min="11791" max="12032" width="9" style="47"/>
    <col min="12033" max="12033" width="7.58203125" style="47" customWidth="1"/>
    <col min="12034" max="12034" width="28.58203125" style="47" customWidth="1"/>
    <col min="12035" max="12046" width="16.58203125" style="47" customWidth="1"/>
    <col min="12047" max="12288" width="9" style="47"/>
    <col min="12289" max="12289" width="7.58203125" style="47" customWidth="1"/>
    <col min="12290" max="12290" width="28.58203125" style="47" customWidth="1"/>
    <col min="12291" max="12302" width="16.58203125" style="47" customWidth="1"/>
    <col min="12303" max="12544" width="9" style="47"/>
    <col min="12545" max="12545" width="7.58203125" style="47" customWidth="1"/>
    <col min="12546" max="12546" width="28.58203125" style="47" customWidth="1"/>
    <col min="12547" max="12558" width="16.58203125" style="47" customWidth="1"/>
    <col min="12559" max="12800" width="9" style="47"/>
    <col min="12801" max="12801" width="7.58203125" style="47" customWidth="1"/>
    <col min="12802" max="12802" width="28.58203125" style="47" customWidth="1"/>
    <col min="12803" max="12814" width="16.58203125" style="47" customWidth="1"/>
    <col min="12815" max="13056" width="9" style="47"/>
    <col min="13057" max="13057" width="7.58203125" style="47" customWidth="1"/>
    <col min="13058" max="13058" width="28.58203125" style="47" customWidth="1"/>
    <col min="13059" max="13070" width="16.58203125" style="47" customWidth="1"/>
    <col min="13071" max="13312" width="9" style="47"/>
    <col min="13313" max="13313" width="7.58203125" style="47" customWidth="1"/>
    <col min="13314" max="13314" width="28.58203125" style="47" customWidth="1"/>
    <col min="13315" max="13326" width="16.58203125" style="47" customWidth="1"/>
    <col min="13327" max="13568" width="9" style="47"/>
    <col min="13569" max="13569" width="7.58203125" style="47" customWidth="1"/>
    <col min="13570" max="13570" width="28.58203125" style="47" customWidth="1"/>
    <col min="13571" max="13582" width="16.58203125" style="47" customWidth="1"/>
    <col min="13583" max="13824" width="9" style="47"/>
    <col min="13825" max="13825" width="7.58203125" style="47" customWidth="1"/>
    <col min="13826" max="13826" width="28.58203125" style="47" customWidth="1"/>
    <col min="13827" max="13838" width="16.58203125" style="47" customWidth="1"/>
    <col min="13839" max="14080" width="9" style="47"/>
    <col min="14081" max="14081" width="7.58203125" style="47" customWidth="1"/>
    <col min="14082" max="14082" width="28.58203125" style="47" customWidth="1"/>
    <col min="14083" max="14094" width="16.58203125" style="47" customWidth="1"/>
    <col min="14095" max="14336" width="9" style="47"/>
    <col min="14337" max="14337" width="7.58203125" style="47" customWidth="1"/>
    <col min="14338" max="14338" width="28.58203125" style="47" customWidth="1"/>
    <col min="14339" max="14350" width="16.58203125" style="47" customWidth="1"/>
    <col min="14351" max="14592" width="9" style="47"/>
    <col min="14593" max="14593" width="7.58203125" style="47" customWidth="1"/>
    <col min="14594" max="14594" width="28.58203125" style="47" customWidth="1"/>
    <col min="14595" max="14606" width="16.58203125" style="47" customWidth="1"/>
    <col min="14607" max="14848" width="9" style="47"/>
    <col min="14849" max="14849" width="7.58203125" style="47" customWidth="1"/>
    <col min="14850" max="14850" width="28.58203125" style="47" customWidth="1"/>
    <col min="14851" max="14862" width="16.58203125" style="47" customWidth="1"/>
    <col min="14863" max="15104" width="9" style="47"/>
    <col min="15105" max="15105" width="7.58203125" style="47" customWidth="1"/>
    <col min="15106" max="15106" width="28.58203125" style="47" customWidth="1"/>
    <col min="15107" max="15118" width="16.58203125" style="47" customWidth="1"/>
    <col min="15119" max="15360" width="9" style="47"/>
    <col min="15361" max="15361" width="7.58203125" style="47" customWidth="1"/>
    <col min="15362" max="15362" width="28.58203125" style="47" customWidth="1"/>
    <col min="15363" max="15374" width="16.58203125" style="47" customWidth="1"/>
    <col min="15375" max="15616" width="9" style="47"/>
    <col min="15617" max="15617" width="7.58203125" style="47" customWidth="1"/>
    <col min="15618" max="15618" width="28.58203125" style="47" customWidth="1"/>
    <col min="15619" max="15630" width="16.58203125" style="47" customWidth="1"/>
    <col min="15631" max="15872" width="9" style="47"/>
    <col min="15873" max="15873" width="7.58203125" style="47" customWidth="1"/>
    <col min="15874" max="15874" width="28.58203125" style="47" customWidth="1"/>
    <col min="15875" max="15886" width="16.58203125" style="47" customWidth="1"/>
    <col min="15887" max="16128" width="9" style="47"/>
    <col min="16129" max="16129" width="7.58203125" style="47" customWidth="1"/>
    <col min="16130" max="16130" width="28.58203125" style="47" customWidth="1"/>
    <col min="16131" max="16142" width="16.58203125" style="47" customWidth="1"/>
    <col min="16143" max="16384" width="9" style="47"/>
  </cols>
  <sheetData>
    <row r="1" spans="1:8" s="49" customFormat="1">
      <c r="A1" s="652" t="s">
        <v>685</v>
      </c>
      <c r="B1" s="652"/>
      <c r="C1" s="6"/>
    </row>
    <row r="2" spans="1:8" s="49" customFormat="1">
      <c r="E2" s="84"/>
      <c r="F2" s="84"/>
      <c r="G2" s="84"/>
      <c r="H2" s="269"/>
    </row>
    <row r="3" spans="1:8" s="49" customFormat="1">
      <c r="A3" s="36"/>
      <c r="B3" s="272" t="s">
        <v>230</v>
      </c>
    </row>
    <row r="4" spans="1:8" s="49" customFormat="1">
      <c r="A4" s="36"/>
      <c r="B4" s="272"/>
    </row>
    <row r="5" spans="1:8">
      <c r="B5" s="48"/>
      <c r="C5" s="158" t="s">
        <v>1</v>
      </c>
      <c r="D5" s="158" t="s">
        <v>2</v>
      </c>
      <c r="E5" s="158" t="s">
        <v>3</v>
      </c>
      <c r="F5" s="158" t="s">
        <v>9</v>
      </c>
      <c r="G5" s="158" t="s">
        <v>10</v>
      </c>
      <c r="H5" s="158" t="s">
        <v>11</v>
      </c>
    </row>
    <row r="6" spans="1:8" ht="19.5" customHeight="1">
      <c r="A6" s="68"/>
      <c r="B6" s="69"/>
      <c r="C6" s="934" t="s">
        <v>38</v>
      </c>
      <c r="D6" s="934"/>
      <c r="E6" s="934"/>
      <c r="F6" s="934"/>
      <c r="G6" s="934" t="s">
        <v>39</v>
      </c>
      <c r="H6" s="934"/>
    </row>
    <row r="7" spans="1:8" ht="19.5" customHeight="1">
      <c r="A7" s="50"/>
      <c r="B7" s="70"/>
      <c r="C7" s="934" t="s">
        <v>35</v>
      </c>
      <c r="D7" s="934"/>
      <c r="E7" s="934" t="s">
        <v>34</v>
      </c>
      <c r="F7" s="934"/>
      <c r="G7" s="935" t="s">
        <v>35</v>
      </c>
      <c r="H7" s="935" t="s">
        <v>34</v>
      </c>
    </row>
    <row r="8" spans="1:8" ht="19.5" customHeight="1">
      <c r="A8" s="50"/>
      <c r="B8" s="52" t="s">
        <v>693</v>
      </c>
      <c r="C8" s="310" t="s">
        <v>36</v>
      </c>
      <c r="D8" s="310" t="s">
        <v>37</v>
      </c>
      <c r="E8" s="310" t="s">
        <v>36</v>
      </c>
      <c r="F8" s="310" t="s">
        <v>37</v>
      </c>
      <c r="G8" s="936"/>
      <c r="H8" s="936"/>
    </row>
    <row r="9" spans="1:8" s="49" customFormat="1">
      <c r="A9" s="50"/>
      <c r="B9" s="53" t="s">
        <v>40</v>
      </c>
      <c r="C9" s="286">
        <v>23.723236</v>
      </c>
      <c r="D9" s="286">
        <v>14724.750923</v>
      </c>
      <c r="E9" s="286"/>
      <c r="F9" s="286">
        <v>3241.2113850000001</v>
      </c>
      <c r="G9" s="286">
        <v>3879.3017410000002</v>
      </c>
      <c r="H9" s="286">
        <v>417.02752800000002</v>
      </c>
    </row>
    <row r="10" spans="1:8" s="49" customFormat="1">
      <c r="A10" s="50"/>
      <c r="B10" s="53" t="s">
        <v>41</v>
      </c>
      <c r="C10" s="286">
        <v>737.17810499999996</v>
      </c>
      <c r="D10" s="286">
        <v>51824.742858999998</v>
      </c>
      <c r="E10" s="286"/>
      <c r="F10" s="286">
        <v>58240.288383999999</v>
      </c>
      <c r="G10" s="286">
        <v>14577.022976</v>
      </c>
      <c r="H10" s="286">
        <v>21391.744933000002</v>
      </c>
    </row>
    <row r="11" spans="1:8" s="49" customFormat="1">
      <c r="A11" s="50"/>
      <c r="B11" s="53" t="s">
        <v>42</v>
      </c>
      <c r="C11" s="286">
        <v>30.116883999999999</v>
      </c>
      <c r="D11" s="286">
        <v>4248.8927599999997</v>
      </c>
      <c r="E11" s="286">
        <v>3356.067853</v>
      </c>
      <c r="F11" s="286">
        <v>8.6957850000000008</v>
      </c>
      <c r="G11" s="286">
        <v>25200.407720910003</v>
      </c>
      <c r="H11" s="286">
        <v>4945.5995449400016</v>
      </c>
    </row>
    <row r="12" spans="1:8" s="49" customFormat="1">
      <c r="A12" s="50"/>
      <c r="B12" s="53" t="s">
        <v>43</v>
      </c>
      <c r="C12" s="286">
        <v>5508.6981900000001</v>
      </c>
      <c r="D12" s="286">
        <v>9339.7982659999998</v>
      </c>
      <c r="E12" s="286">
        <v>11595.441719</v>
      </c>
      <c r="F12" s="286">
        <v>3200.9305690000001</v>
      </c>
      <c r="G12" s="286">
        <v>47940.438412569994</v>
      </c>
      <c r="H12" s="286">
        <v>11530.65470725</v>
      </c>
    </row>
    <row r="13" spans="1:8" s="49" customFormat="1">
      <c r="A13" s="50"/>
      <c r="B13" s="53" t="s">
        <v>64</v>
      </c>
      <c r="C13" s="286">
        <v>516.97078699999997</v>
      </c>
      <c r="D13" s="286">
        <v>13308.416053000001</v>
      </c>
      <c r="E13" s="286">
        <v>14563.413027000001</v>
      </c>
      <c r="F13" s="286">
        <v>2462.6244150000002</v>
      </c>
      <c r="G13" s="286">
        <v>78981.458929819986</v>
      </c>
      <c r="H13" s="286">
        <v>43314.751778320002</v>
      </c>
    </row>
    <row r="14" spans="1:8" s="49" customFormat="1">
      <c r="A14" s="50"/>
      <c r="B14" s="53" t="s">
        <v>21</v>
      </c>
      <c r="C14" s="286">
        <v>3.55599</v>
      </c>
      <c r="D14" s="286">
        <v>271.28626200000002</v>
      </c>
      <c r="E14" s="286"/>
      <c r="F14" s="286"/>
      <c r="G14" s="286">
        <v>1967.1731028600002</v>
      </c>
      <c r="H14" s="286">
        <v>517.91175099999998</v>
      </c>
    </row>
    <row r="15" spans="1:8" s="49" customFormat="1">
      <c r="A15" s="50"/>
      <c r="B15" s="53" t="s">
        <v>44</v>
      </c>
      <c r="C15" s="286">
        <v>1546.225557</v>
      </c>
      <c r="D15" s="286">
        <v>453.54792700000002</v>
      </c>
      <c r="E15" s="286">
        <v>1116.194577</v>
      </c>
      <c r="F15" s="286"/>
      <c r="G15" s="286">
        <v>80951.341448000006</v>
      </c>
      <c r="H15" s="286">
        <v>64284.028427999998</v>
      </c>
    </row>
    <row r="16" spans="1:8" s="49" customFormat="1">
      <c r="A16" s="50"/>
      <c r="B16" s="54" t="s">
        <v>45</v>
      </c>
      <c r="C16" s="287"/>
      <c r="D16" s="287"/>
      <c r="E16" s="287"/>
      <c r="F16" s="287"/>
      <c r="G16" s="288"/>
      <c r="H16" s="287"/>
    </row>
    <row r="17" spans="1:9" s="49" customFormat="1">
      <c r="A17" s="50"/>
      <c r="B17" s="71" t="s">
        <v>13</v>
      </c>
      <c r="C17" s="72">
        <v>8366.4687489999997</v>
      </c>
      <c r="D17" s="72">
        <v>94171.435050000015</v>
      </c>
      <c r="E17" s="72">
        <v>30631.117176</v>
      </c>
      <c r="F17" s="72">
        <v>67153.750538000008</v>
      </c>
      <c r="G17" s="72">
        <v>253497.14433116</v>
      </c>
      <c r="H17" s="72">
        <v>146401.71867051002</v>
      </c>
    </row>
    <row r="18" spans="1:9" s="49" customFormat="1">
      <c r="B18" s="319"/>
      <c r="C18" s="319"/>
      <c r="D18" s="319"/>
      <c r="E18" s="319"/>
      <c r="F18" s="319"/>
      <c r="G18" s="319"/>
      <c r="H18" s="319"/>
    </row>
    <row r="19" spans="1:9">
      <c r="B19" s="556"/>
      <c r="C19" s="557" t="s">
        <v>1</v>
      </c>
      <c r="D19" s="557" t="s">
        <v>2</v>
      </c>
      <c r="E19" s="557" t="s">
        <v>3</v>
      </c>
      <c r="F19" s="557" t="s">
        <v>9</v>
      </c>
      <c r="G19" s="557" t="s">
        <v>10</v>
      </c>
      <c r="H19" s="557" t="s">
        <v>11</v>
      </c>
    </row>
    <row r="20" spans="1:9" ht="19.5" customHeight="1">
      <c r="A20" s="68"/>
      <c r="B20" s="558"/>
      <c r="C20" s="937" t="s">
        <v>38</v>
      </c>
      <c r="D20" s="937"/>
      <c r="E20" s="937"/>
      <c r="F20" s="937"/>
      <c r="G20" s="937" t="s">
        <v>39</v>
      </c>
      <c r="H20" s="937"/>
    </row>
    <row r="21" spans="1:9" ht="19.5" customHeight="1">
      <c r="A21" s="50"/>
      <c r="B21" s="559"/>
      <c r="C21" s="937" t="s">
        <v>35</v>
      </c>
      <c r="D21" s="937"/>
      <c r="E21" s="937" t="s">
        <v>34</v>
      </c>
      <c r="F21" s="937"/>
      <c r="G21" s="938" t="s">
        <v>35</v>
      </c>
      <c r="H21" s="938" t="s">
        <v>34</v>
      </c>
    </row>
    <row r="22" spans="1:9" ht="19.5" customHeight="1">
      <c r="A22" s="50"/>
      <c r="B22" s="537" t="s">
        <v>694</v>
      </c>
      <c r="C22" s="560" t="s">
        <v>36</v>
      </c>
      <c r="D22" s="560" t="s">
        <v>37</v>
      </c>
      <c r="E22" s="560" t="s">
        <v>36</v>
      </c>
      <c r="F22" s="560" t="s">
        <v>37</v>
      </c>
      <c r="G22" s="939"/>
      <c r="H22" s="939"/>
    </row>
    <row r="23" spans="1:9" s="49" customFormat="1">
      <c r="A23" s="50"/>
      <c r="B23" s="561" t="s">
        <v>40</v>
      </c>
      <c r="C23" s="562">
        <v>20.379294000000002</v>
      </c>
      <c r="D23" s="562">
        <v>11032.759953999999</v>
      </c>
      <c r="E23" s="562"/>
      <c r="F23" s="562">
        <v>3166.9524590000001</v>
      </c>
      <c r="G23" s="562">
        <v>2662.0173669999999</v>
      </c>
      <c r="H23" s="562">
        <v>938.92581399999995</v>
      </c>
      <c r="I23" s="307"/>
    </row>
    <row r="24" spans="1:9" s="49" customFormat="1">
      <c r="A24" s="50"/>
      <c r="B24" s="561" t="s">
        <v>41</v>
      </c>
      <c r="C24" s="562">
        <v>152.29780299999999</v>
      </c>
      <c r="D24" s="562">
        <v>44610.877034999998</v>
      </c>
      <c r="E24" s="562"/>
      <c r="F24" s="562">
        <v>49836.379670000002</v>
      </c>
      <c r="G24" s="562">
        <v>10904.921692</v>
      </c>
      <c r="H24" s="562">
        <v>27330.813145</v>
      </c>
    </row>
    <row r="25" spans="1:9" s="49" customFormat="1">
      <c r="A25" s="50"/>
      <c r="B25" s="561" t="s">
        <v>42</v>
      </c>
      <c r="C25" s="562">
        <v>23.117995000000001</v>
      </c>
      <c r="D25" s="562">
        <v>3384.0990350000002</v>
      </c>
      <c r="E25" s="562">
        <v>1924.833881</v>
      </c>
      <c r="F25" s="562">
        <v>106.35719</v>
      </c>
      <c r="G25" s="562">
        <v>44132.884620740006</v>
      </c>
      <c r="H25" s="562">
        <v>20630.543522150001</v>
      </c>
    </row>
    <row r="26" spans="1:9" s="49" customFormat="1">
      <c r="A26" s="50"/>
      <c r="B26" s="561" t="s">
        <v>43</v>
      </c>
      <c r="C26" s="562">
        <v>3128.2223629999999</v>
      </c>
      <c r="D26" s="562">
        <v>10838.171829999999</v>
      </c>
      <c r="E26" s="562">
        <v>11945.895343</v>
      </c>
      <c r="F26" s="562">
        <v>3380.9221790000001</v>
      </c>
      <c r="G26" s="562">
        <v>60831.104472449981</v>
      </c>
      <c r="H26" s="562">
        <v>12157.627699770001</v>
      </c>
    </row>
    <row r="27" spans="1:9" s="49" customFormat="1">
      <c r="A27" s="50"/>
      <c r="B27" s="561" t="s">
        <v>64</v>
      </c>
      <c r="C27" s="562">
        <v>442.325806</v>
      </c>
      <c r="D27" s="562">
        <v>12740.028630000001</v>
      </c>
      <c r="E27" s="562">
        <v>14898.974248</v>
      </c>
      <c r="F27" s="562">
        <v>639.01524800000004</v>
      </c>
      <c r="G27" s="562">
        <v>173311.58557084005</v>
      </c>
      <c r="H27" s="562">
        <v>56701.177180029998</v>
      </c>
    </row>
    <row r="28" spans="1:9" s="49" customFormat="1">
      <c r="A28" s="50"/>
      <c r="B28" s="561" t="s">
        <v>21</v>
      </c>
      <c r="C28" s="562"/>
      <c r="D28" s="562">
        <v>261.75717300000002</v>
      </c>
      <c r="E28" s="562"/>
      <c r="F28" s="562"/>
      <c r="G28" s="562">
        <v>1713.7866493699999</v>
      </c>
      <c r="H28" s="562">
        <v>24.576342620000005</v>
      </c>
    </row>
    <row r="29" spans="1:9" s="49" customFormat="1">
      <c r="A29" s="50"/>
      <c r="B29" s="561" t="s">
        <v>44</v>
      </c>
      <c r="C29" s="562">
        <v>2275.5763550000001</v>
      </c>
      <c r="D29" s="562">
        <v>341.28075100000001</v>
      </c>
      <c r="E29" s="562">
        <v>394.01944600000002</v>
      </c>
      <c r="F29" s="562">
        <v>954.301288</v>
      </c>
      <c r="G29" s="562">
        <v>82835.024348999999</v>
      </c>
      <c r="H29" s="562">
        <v>54492.307384</v>
      </c>
    </row>
    <row r="30" spans="1:9" s="49" customFormat="1">
      <c r="A30" s="50"/>
      <c r="B30" s="563" t="s">
        <v>45</v>
      </c>
      <c r="C30" s="564"/>
      <c r="D30" s="564"/>
      <c r="E30" s="564"/>
      <c r="F30" s="564"/>
      <c r="G30" s="564">
        <v>189.88623809005367</v>
      </c>
      <c r="H30" s="564"/>
    </row>
    <row r="31" spans="1:9" s="49" customFormat="1">
      <c r="A31" s="50"/>
      <c r="B31" s="565" t="s">
        <v>13</v>
      </c>
      <c r="C31" s="566">
        <v>6041.9196159999992</v>
      </c>
      <c r="D31" s="566">
        <v>83208.974407999995</v>
      </c>
      <c r="E31" s="566">
        <v>29163.723117000001</v>
      </c>
      <c r="F31" s="566">
        <v>58083.928034000011</v>
      </c>
      <c r="G31" s="566">
        <v>376581.2109594901</v>
      </c>
      <c r="H31" s="566">
        <v>172275.97108757001</v>
      </c>
    </row>
  </sheetData>
  <mergeCells count="12">
    <mergeCell ref="C20:F20"/>
    <mergeCell ref="G20:H20"/>
    <mergeCell ref="C21:D21"/>
    <mergeCell ref="E21:F21"/>
    <mergeCell ref="G21:G22"/>
    <mergeCell ref="H21:H22"/>
    <mergeCell ref="C6:F6"/>
    <mergeCell ref="G6:H6"/>
    <mergeCell ref="C7:D7"/>
    <mergeCell ref="E7:F7"/>
    <mergeCell ref="G7:G8"/>
    <mergeCell ref="H7:H8"/>
  </mergeCells>
  <pageMargins left="0.70866141732283472" right="0.70866141732283472" top="0.74803149606299213" bottom="0.74803149606299213" header="0.31496062992125984" footer="0.31496062992125984"/>
  <pageSetup paperSize="9" scale="91" orientation="landscape"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D00-000000000000}">
  <sheetPr codeName="Sheet49">
    <pageSetUpPr fitToPage="1"/>
  </sheetPr>
  <dimension ref="A1:K49"/>
  <sheetViews>
    <sheetView zoomScaleNormal="100" workbookViewId="0">
      <selection activeCell="B3" sqref="B3"/>
    </sheetView>
  </sheetViews>
  <sheetFormatPr defaultColWidth="9" defaultRowHeight="13"/>
  <cols>
    <col min="1" max="1" width="6.83203125" style="47" customWidth="1"/>
    <col min="2" max="2" width="37.33203125" style="57" customWidth="1"/>
    <col min="3" max="5" width="15.58203125" style="47" customWidth="1"/>
    <col min="6" max="6" width="1.83203125" style="47" customWidth="1"/>
    <col min="7" max="9" width="15.58203125" style="47" customWidth="1"/>
    <col min="10" max="245" width="9" style="47"/>
    <col min="246" max="246" width="7.58203125" style="47" customWidth="1"/>
    <col min="247" max="247" width="37.33203125" style="47" customWidth="1"/>
    <col min="248" max="250" width="15.58203125" style="47" customWidth="1"/>
    <col min="251" max="251" width="1.83203125" style="47" customWidth="1"/>
    <col min="252" max="254" width="15.58203125" style="47" customWidth="1"/>
    <col min="255" max="260" width="16.58203125" style="47" customWidth="1"/>
    <col min="261" max="501" width="9" style="47"/>
    <col min="502" max="502" width="7.58203125" style="47" customWidth="1"/>
    <col min="503" max="503" width="37.33203125" style="47" customWidth="1"/>
    <col min="504" max="506" width="15.58203125" style="47" customWidth="1"/>
    <col min="507" max="507" width="1.83203125" style="47" customWidth="1"/>
    <col min="508" max="510" width="15.58203125" style="47" customWidth="1"/>
    <col min="511" max="516" width="16.58203125" style="47" customWidth="1"/>
    <col min="517" max="757" width="9" style="47"/>
    <col min="758" max="758" width="7.58203125" style="47" customWidth="1"/>
    <col min="759" max="759" width="37.33203125" style="47" customWidth="1"/>
    <col min="760" max="762" width="15.58203125" style="47" customWidth="1"/>
    <col min="763" max="763" width="1.83203125" style="47" customWidth="1"/>
    <col min="764" max="766" width="15.58203125" style="47" customWidth="1"/>
    <col min="767" max="772" width="16.58203125" style="47" customWidth="1"/>
    <col min="773" max="1013" width="9" style="47"/>
    <col min="1014" max="1014" width="7.58203125" style="47" customWidth="1"/>
    <col min="1015" max="1015" width="37.33203125" style="47" customWidth="1"/>
    <col min="1016" max="1018" width="15.58203125" style="47" customWidth="1"/>
    <col min="1019" max="1019" width="1.83203125" style="47" customWidth="1"/>
    <col min="1020" max="1022" width="15.58203125" style="47" customWidth="1"/>
    <col min="1023" max="1028" width="16.58203125" style="47" customWidth="1"/>
    <col min="1029" max="1269" width="9" style="47"/>
    <col min="1270" max="1270" width="7.58203125" style="47" customWidth="1"/>
    <col min="1271" max="1271" width="37.33203125" style="47" customWidth="1"/>
    <col min="1272" max="1274" width="15.58203125" style="47" customWidth="1"/>
    <col min="1275" max="1275" width="1.83203125" style="47" customWidth="1"/>
    <col min="1276" max="1278" width="15.58203125" style="47" customWidth="1"/>
    <col min="1279" max="1284" width="16.58203125" style="47" customWidth="1"/>
    <col min="1285" max="1525" width="9" style="47"/>
    <col min="1526" max="1526" width="7.58203125" style="47" customWidth="1"/>
    <col min="1527" max="1527" width="37.33203125" style="47" customWidth="1"/>
    <col min="1528" max="1530" width="15.58203125" style="47" customWidth="1"/>
    <col min="1531" max="1531" width="1.83203125" style="47" customWidth="1"/>
    <col min="1532" max="1534" width="15.58203125" style="47" customWidth="1"/>
    <col min="1535" max="1540" width="16.58203125" style="47" customWidth="1"/>
    <col min="1541" max="1781" width="9" style="47"/>
    <col min="1782" max="1782" width="7.58203125" style="47" customWidth="1"/>
    <col min="1783" max="1783" width="37.33203125" style="47" customWidth="1"/>
    <col min="1784" max="1786" width="15.58203125" style="47" customWidth="1"/>
    <col min="1787" max="1787" width="1.83203125" style="47" customWidth="1"/>
    <col min="1788" max="1790" width="15.58203125" style="47" customWidth="1"/>
    <col min="1791" max="1796" width="16.58203125" style="47" customWidth="1"/>
    <col min="1797" max="2037" width="9" style="47"/>
    <col min="2038" max="2038" width="7.58203125" style="47" customWidth="1"/>
    <col min="2039" max="2039" width="37.33203125" style="47" customWidth="1"/>
    <col min="2040" max="2042" width="15.58203125" style="47" customWidth="1"/>
    <col min="2043" max="2043" width="1.83203125" style="47" customWidth="1"/>
    <col min="2044" max="2046" width="15.58203125" style="47" customWidth="1"/>
    <col min="2047" max="2052" width="16.58203125" style="47" customWidth="1"/>
    <col min="2053" max="2293" width="9" style="47"/>
    <col min="2294" max="2294" width="7.58203125" style="47" customWidth="1"/>
    <col min="2295" max="2295" width="37.33203125" style="47" customWidth="1"/>
    <col min="2296" max="2298" width="15.58203125" style="47" customWidth="1"/>
    <col min="2299" max="2299" width="1.83203125" style="47" customWidth="1"/>
    <col min="2300" max="2302" width="15.58203125" style="47" customWidth="1"/>
    <col min="2303" max="2308" width="16.58203125" style="47" customWidth="1"/>
    <col min="2309" max="2549" width="9" style="47"/>
    <col min="2550" max="2550" width="7.58203125" style="47" customWidth="1"/>
    <col min="2551" max="2551" width="37.33203125" style="47" customWidth="1"/>
    <col min="2552" max="2554" width="15.58203125" style="47" customWidth="1"/>
    <col min="2555" max="2555" width="1.83203125" style="47" customWidth="1"/>
    <col min="2556" max="2558" width="15.58203125" style="47" customWidth="1"/>
    <col min="2559" max="2564" width="16.58203125" style="47" customWidth="1"/>
    <col min="2565" max="2805" width="9" style="47"/>
    <col min="2806" max="2806" width="7.58203125" style="47" customWidth="1"/>
    <col min="2807" max="2807" width="37.33203125" style="47" customWidth="1"/>
    <col min="2808" max="2810" width="15.58203125" style="47" customWidth="1"/>
    <col min="2811" max="2811" width="1.83203125" style="47" customWidth="1"/>
    <col min="2812" max="2814" width="15.58203125" style="47" customWidth="1"/>
    <col min="2815" max="2820" width="16.58203125" style="47" customWidth="1"/>
    <col min="2821" max="3061" width="9" style="47"/>
    <col min="3062" max="3062" width="7.58203125" style="47" customWidth="1"/>
    <col min="3063" max="3063" width="37.33203125" style="47" customWidth="1"/>
    <col min="3064" max="3066" width="15.58203125" style="47" customWidth="1"/>
    <col min="3067" max="3067" width="1.83203125" style="47" customWidth="1"/>
    <col min="3068" max="3070" width="15.58203125" style="47" customWidth="1"/>
    <col min="3071" max="3076" width="16.58203125" style="47" customWidth="1"/>
    <col min="3077" max="3317" width="9" style="47"/>
    <col min="3318" max="3318" width="7.58203125" style="47" customWidth="1"/>
    <col min="3319" max="3319" width="37.33203125" style="47" customWidth="1"/>
    <col min="3320" max="3322" width="15.58203125" style="47" customWidth="1"/>
    <col min="3323" max="3323" width="1.83203125" style="47" customWidth="1"/>
    <col min="3324" max="3326" width="15.58203125" style="47" customWidth="1"/>
    <col min="3327" max="3332" width="16.58203125" style="47" customWidth="1"/>
    <col min="3333" max="3573" width="9" style="47"/>
    <col min="3574" max="3574" width="7.58203125" style="47" customWidth="1"/>
    <col min="3575" max="3575" width="37.33203125" style="47" customWidth="1"/>
    <col min="3576" max="3578" width="15.58203125" style="47" customWidth="1"/>
    <col min="3579" max="3579" width="1.83203125" style="47" customWidth="1"/>
    <col min="3580" max="3582" width="15.58203125" style="47" customWidth="1"/>
    <col min="3583" max="3588" width="16.58203125" style="47" customWidth="1"/>
    <col min="3589" max="3829" width="9" style="47"/>
    <col min="3830" max="3830" width="7.58203125" style="47" customWidth="1"/>
    <col min="3831" max="3831" width="37.33203125" style="47" customWidth="1"/>
    <col min="3832" max="3834" width="15.58203125" style="47" customWidth="1"/>
    <col min="3835" max="3835" width="1.83203125" style="47" customWidth="1"/>
    <col min="3836" max="3838" width="15.58203125" style="47" customWidth="1"/>
    <col min="3839" max="3844" width="16.58203125" style="47" customWidth="1"/>
    <col min="3845" max="4085" width="9" style="47"/>
    <col min="4086" max="4086" width="7.58203125" style="47" customWidth="1"/>
    <col min="4087" max="4087" width="37.33203125" style="47" customWidth="1"/>
    <col min="4088" max="4090" width="15.58203125" style="47" customWidth="1"/>
    <col min="4091" max="4091" width="1.83203125" style="47" customWidth="1"/>
    <col min="4092" max="4094" width="15.58203125" style="47" customWidth="1"/>
    <col min="4095" max="4100" width="16.58203125" style="47" customWidth="1"/>
    <col min="4101" max="4341" width="9" style="47"/>
    <col min="4342" max="4342" width="7.58203125" style="47" customWidth="1"/>
    <col min="4343" max="4343" width="37.33203125" style="47" customWidth="1"/>
    <col min="4344" max="4346" width="15.58203125" style="47" customWidth="1"/>
    <col min="4347" max="4347" width="1.83203125" style="47" customWidth="1"/>
    <col min="4348" max="4350" width="15.58203125" style="47" customWidth="1"/>
    <col min="4351" max="4356" width="16.58203125" style="47" customWidth="1"/>
    <col min="4357" max="4597" width="9" style="47"/>
    <col min="4598" max="4598" width="7.58203125" style="47" customWidth="1"/>
    <col min="4599" max="4599" width="37.33203125" style="47" customWidth="1"/>
    <col min="4600" max="4602" width="15.58203125" style="47" customWidth="1"/>
    <col min="4603" max="4603" width="1.83203125" style="47" customWidth="1"/>
    <col min="4604" max="4606" width="15.58203125" style="47" customWidth="1"/>
    <col min="4607" max="4612" width="16.58203125" style="47" customWidth="1"/>
    <col min="4613" max="4853" width="9" style="47"/>
    <col min="4854" max="4854" width="7.58203125" style="47" customWidth="1"/>
    <col min="4855" max="4855" width="37.33203125" style="47" customWidth="1"/>
    <col min="4856" max="4858" width="15.58203125" style="47" customWidth="1"/>
    <col min="4859" max="4859" width="1.83203125" style="47" customWidth="1"/>
    <col min="4860" max="4862" width="15.58203125" style="47" customWidth="1"/>
    <col min="4863" max="4868" width="16.58203125" style="47" customWidth="1"/>
    <col min="4869" max="5109" width="9" style="47"/>
    <col min="5110" max="5110" width="7.58203125" style="47" customWidth="1"/>
    <col min="5111" max="5111" width="37.33203125" style="47" customWidth="1"/>
    <col min="5112" max="5114" width="15.58203125" style="47" customWidth="1"/>
    <col min="5115" max="5115" width="1.83203125" style="47" customWidth="1"/>
    <col min="5116" max="5118" width="15.58203125" style="47" customWidth="1"/>
    <col min="5119" max="5124" width="16.58203125" style="47" customWidth="1"/>
    <col min="5125" max="5365" width="9" style="47"/>
    <col min="5366" max="5366" width="7.58203125" style="47" customWidth="1"/>
    <col min="5367" max="5367" width="37.33203125" style="47" customWidth="1"/>
    <col min="5368" max="5370" width="15.58203125" style="47" customWidth="1"/>
    <col min="5371" max="5371" width="1.83203125" style="47" customWidth="1"/>
    <col min="5372" max="5374" width="15.58203125" style="47" customWidth="1"/>
    <col min="5375" max="5380" width="16.58203125" style="47" customWidth="1"/>
    <col min="5381" max="5621" width="9" style="47"/>
    <col min="5622" max="5622" width="7.58203125" style="47" customWidth="1"/>
    <col min="5623" max="5623" width="37.33203125" style="47" customWidth="1"/>
    <col min="5624" max="5626" width="15.58203125" style="47" customWidth="1"/>
    <col min="5627" max="5627" width="1.83203125" style="47" customWidth="1"/>
    <col min="5628" max="5630" width="15.58203125" style="47" customWidth="1"/>
    <col min="5631" max="5636" width="16.58203125" style="47" customWidth="1"/>
    <col min="5637" max="5877" width="9" style="47"/>
    <col min="5878" max="5878" width="7.58203125" style="47" customWidth="1"/>
    <col min="5879" max="5879" width="37.33203125" style="47" customWidth="1"/>
    <col min="5880" max="5882" width="15.58203125" style="47" customWidth="1"/>
    <col min="5883" max="5883" width="1.83203125" style="47" customWidth="1"/>
    <col min="5884" max="5886" width="15.58203125" style="47" customWidth="1"/>
    <col min="5887" max="5892" width="16.58203125" style="47" customWidth="1"/>
    <col min="5893" max="6133" width="9" style="47"/>
    <col min="6134" max="6134" width="7.58203125" style="47" customWidth="1"/>
    <col min="6135" max="6135" width="37.33203125" style="47" customWidth="1"/>
    <col min="6136" max="6138" width="15.58203125" style="47" customWidth="1"/>
    <col min="6139" max="6139" width="1.83203125" style="47" customWidth="1"/>
    <col min="6140" max="6142" width="15.58203125" style="47" customWidth="1"/>
    <col min="6143" max="6148" width="16.58203125" style="47" customWidth="1"/>
    <col min="6149" max="6389" width="9" style="47"/>
    <col min="6390" max="6390" width="7.58203125" style="47" customWidth="1"/>
    <col min="6391" max="6391" width="37.33203125" style="47" customWidth="1"/>
    <col min="6392" max="6394" width="15.58203125" style="47" customWidth="1"/>
    <col min="6395" max="6395" width="1.83203125" style="47" customWidth="1"/>
    <col min="6396" max="6398" width="15.58203125" style="47" customWidth="1"/>
    <col min="6399" max="6404" width="16.58203125" style="47" customWidth="1"/>
    <col min="6405" max="6645" width="9" style="47"/>
    <col min="6646" max="6646" width="7.58203125" style="47" customWidth="1"/>
    <col min="6647" max="6647" width="37.33203125" style="47" customWidth="1"/>
    <col min="6648" max="6650" width="15.58203125" style="47" customWidth="1"/>
    <col min="6651" max="6651" width="1.83203125" style="47" customWidth="1"/>
    <col min="6652" max="6654" width="15.58203125" style="47" customWidth="1"/>
    <col min="6655" max="6660" width="16.58203125" style="47" customWidth="1"/>
    <col min="6661" max="6901" width="9" style="47"/>
    <col min="6902" max="6902" width="7.58203125" style="47" customWidth="1"/>
    <col min="6903" max="6903" width="37.33203125" style="47" customWidth="1"/>
    <col min="6904" max="6906" width="15.58203125" style="47" customWidth="1"/>
    <col min="6907" max="6907" width="1.83203125" style="47" customWidth="1"/>
    <col min="6908" max="6910" width="15.58203125" style="47" customWidth="1"/>
    <col min="6911" max="6916" width="16.58203125" style="47" customWidth="1"/>
    <col min="6917" max="7157" width="9" style="47"/>
    <col min="7158" max="7158" width="7.58203125" style="47" customWidth="1"/>
    <col min="7159" max="7159" width="37.33203125" style="47" customWidth="1"/>
    <col min="7160" max="7162" width="15.58203125" style="47" customWidth="1"/>
    <col min="7163" max="7163" width="1.83203125" style="47" customWidth="1"/>
    <col min="7164" max="7166" width="15.58203125" style="47" customWidth="1"/>
    <col min="7167" max="7172" width="16.58203125" style="47" customWidth="1"/>
    <col min="7173" max="7413" width="9" style="47"/>
    <col min="7414" max="7414" width="7.58203125" style="47" customWidth="1"/>
    <col min="7415" max="7415" width="37.33203125" style="47" customWidth="1"/>
    <col min="7416" max="7418" width="15.58203125" style="47" customWidth="1"/>
    <col min="7419" max="7419" width="1.83203125" style="47" customWidth="1"/>
    <col min="7420" max="7422" width="15.58203125" style="47" customWidth="1"/>
    <col min="7423" max="7428" width="16.58203125" style="47" customWidth="1"/>
    <col min="7429" max="7669" width="9" style="47"/>
    <col min="7670" max="7670" width="7.58203125" style="47" customWidth="1"/>
    <col min="7671" max="7671" width="37.33203125" style="47" customWidth="1"/>
    <col min="7672" max="7674" width="15.58203125" style="47" customWidth="1"/>
    <col min="7675" max="7675" width="1.83203125" style="47" customWidth="1"/>
    <col min="7676" max="7678" width="15.58203125" style="47" customWidth="1"/>
    <col min="7679" max="7684" width="16.58203125" style="47" customWidth="1"/>
    <col min="7685" max="7925" width="9" style="47"/>
    <col min="7926" max="7926" width="7.58203125" style="47" customWidth="1"/>
    <col min="7927" max="7927" width="37.33203125" style="47" customWidth="1"/>
    <col min="7928" max="7930" width="15.58203125" style="47" customWidth="1"/>
    <col min="7931" max="7931" width="1.83203125" style="47" customWidth="1"/>
    <col min="7932" max="7934" width="15.58203125" style="47" customWidth="1"/>
    <col min="7935" max="7940" width="16.58203125" style="47" customWidth="1"/>
    <col min="7941" max="8181" width="9" style="47"/>
    <col min="8182" max="8182" width="7.58203125" style="47" customWidth="1"/>
    <col min="8183" max="8183" width="37.33203125" style="47" customWidth="1"/>
    <col min="8184" max="8186" width="15.58203125" style="47" customWidth="1"/>
    <col min="8187" max="8187" width="1.83203125" style="47" customWidth="1"/>
    <col min="8188" max="8190" width="15.58203125" style="47" customWidth="1"/>
    <col min="8191" max="8196" width="16.58203125" style="47" customWidth="1"/>
    <col min="8197" max="8437" width="9" style="47"/>
    <col min="8438" max="8438" width="7.58203125" style="47" customWidth="1"/>
    <col min="8439" max="8439" width="37.33203125" style="47" customWidth="1"/>
    <col min="8440" max="8442" width="15.58203125" style="47" customWidth="1"/>
    <col min="8443" max="8443" width="1.83203125" style="47" customWidth="1"/>
    <col min="8444" max="8446" width="15.58203125" style="47" customWidth="1"/>
    <col min="8447" max="8452" width="16.58203125" style="47" customWidth="1"/>
    <col min="8453" max="8693" width="9" style="47"/>
    <col min="8694" max="8694" width="7.58203125" style="47" customWidth="1"/>
    <col min="8695" max="8695" width="37.33203125" style="47" customWidth="1"/>
    <col min="8696" max="8698" width="15.58203125" style="47" customWidth="1"/>
    <col min="8699" max="8699" width="1.83203125" style="47" customWidth="1"/>
    <col min="8700" max="8702" width="15.58203125" style="47" customWidth="1"/>
    <col min="8703" max="8708" width="16.58203125" style="47" customWidth="1"/>
    <col min="8709" max="8949" width="9" style="47"/>
    <col min="8950" max="8950" width="7.58203125" style="47" customWidth="1"/>
    <col min="8951" max="8951" width="37.33203125" style="47" customWidth="1"/>
    <col min="8952" max="8954" width="15.58203125" style="47" customWidth="1"/>
    <col min="8955" max="8955" width="1.83203125" style="47" customWidth="1"/>
    <col min="8956" max="8958" width="15.58203125" style="47" customWidth="1"/>
    <col min="8959" max="8964" width="16.58203125" style="47" customWidth="1"/>
    <col min="8965" max="9205" width="9" style="47"/>
    <col min="9206" max="9206" width="7.58203125" style="47" customWidth="1"/>
    <col min="9207" max="9207" width="37.33203125" style="47" customWidth="1"/>
    <col min="9208" max="9210" width="15.58203125" style="47" customWidth="1"/>
    <col min="9211" max="9211" width="1.83203125" style="47" customWidth="1"/>
    <col min="9212" max="9214" width="15.58203125" style="47" customWidth="1"/>
    <col min="9215" max="9220" width="16.58203125" style="47" customWidth="1"/>
    <col min="9221" max="9461" width="9" style="47"/>
    <col min="9462" max="9462" width="7.58203125" style="47" customWidth="1"/>
    <col min="9463" max="9463" width="37.33203125" style="47" customWidth="1"/>
    <col min="9464" max="9466" width="15.58203125" style="47" customWidth="1"/>
    <col min="9467" max="9467" width="1.83203125" style="47" customWidth="1"/>
    <col min="9468" max="9470" width="15.58203125" style="47" customWidth="1"/>
    <col min="9471" max="9476" width="16.58203125" style="47" customWidth="1"/>
    <col min="9477" max="9717" width="9" style="47"/>
    <col min="9718" max="9718" width="7.58203125" style="47" customWidth="1"/>
    <col min="9719" max="9719" width="37.33203125" style="47" customWidth="1"/>
    <col min="9720" max="9722" width="15.58203125" style="47" customWidth="1"/>
    <col min="9723" max="9723" width="1.83203125" style="47" customWidth="1"/>
    <col min="9724" max="9726" width="15.58203125" style="47" customWidth="1"/>
    <col min="9727" max="9732" width="16.58203125" style="47" customWidth="1"/>
    <col min="9733" max="9973" width="9" style="47"/>
    <col min="9974" max="9974" width="7.58203125" style="47" customWidth="1"/>
    <col min="9975" max="9975" width="37.33203125" style="47" customWidth="1"/>
    <col min="9976" max="9978" width="15.58203125" style="47" customWidth="1"/>
    <col min="9979" max="9979" width="1.83203125" style="47" customWidth="1"/>
    <col min="9980" max="9982" width="15.58203125" style="47" customWidth="1"/>
    <col min="9983" max="9988" width="16.58203125" style="47" customWidth="1"/>
    <col min="9989" max="10229" width="9" style="47"/>
    <col min="10230" max="10230" width="7.58203125" style="47" customWidth="1"/>
    <col min="10231" max="10231" width="37.33203125" style="47" customWidth="1"/>
    <col min="10232" max="10234" width="15.58203125" style="47" customWidth="1"/>
    <col min="10235" max="10235" width="1.83203125" style="47" customWidth="1"/>
    <col min="10236" max="10238" width="15.58203125" style="47" customWidth="1"/>
    <col min="10239" max="10244" width="16.58203125" style="47" customWidth="1"/>
    <col min="10245" max="10485" width="9" style="47"/>
    <col min="10486" max="10486" width="7.58203125" style="47" customWidth="1"/>
    <col min="10487" max="10487" width="37.33203125" style="47" customWidth="1"/>
    <col min="10488" max="10490" width="15.58203125" style="47" customWidth="1"/>
    <col min="10491" max="10491" width="1.83203125" style="47" customWidth="1"/>
    <col min="10492" max="10494" width="15.58203125" style="47" customWidth="1"/>
    <col min="10495" max="10500" width="16.58203125" style="47" customWidth="1"/>
    <col min="10501" max="10741" width="9" style="47"/>
    <col min="10742" max="10742" width="7.58203125" style="47" customWidth="1"/>
    <col min="10743" max="10743" width="37.33203125" style="47" customWidth="1"/>
    <col min="10744" max="10746" width="15.58203125" style="47" customWidth="1"/>
    <col min="10747" max="10747" width="1.83203125" style="47" customWidth="1"/>
    <col min="10748" max="10750" width="15.58203125" style="47" customWidth="1"/>
    <col min="10751" max="10756" width="16.58203125" style="47" customWidth="1"/>
    <col min="10757" max="10997" width="9" style="47"/>
    <col min="10998" max="10998" width="7.58203125" style="47" customWidth="1"/>
    <col min="10999" max="10999" width="37.33203125" style="47" customWidth="1"/>
    <col min="11000" max="11002" width="15.58203125" style="47" customWidth="1"/>
    <col min="11003" max="11003" width="1.83203125" style="47" customWidth="1"/>
    <col min="11004" max="11006" width="15.58203125" style="47" customWidth="1"/>
    <col min="11007" max="11012" width="16.58203125" style="47" customWidth="1"/>
    <col min="11013" max="11253" width="9" style="47"/>
    <col min="11254" max="11254" width="7.58203125" style="47" customWidth="1"/>
    <col min="11255" max="11255" width="37.33203125" style="47" customWidth="1"/>
    <col min="11256" max="11258" width="15.58203125" style="47" customWidth="1"/>
    <col min="11259" max="11259" width="1.83203125" style="47" customWidth="1"/>
    <col min="11260" max="11262" width="15.58203125" style="47" customWidth="1"/>
    <col min="11263" max="11268" width="16.58203125" style="47" customWidth="1"/>
    <col min="11269" max="11509" width="9" style="47"/>
    <col min="11510" max="11510" width="7.58203125" style="47" customWidth="1"/>
    <col min="11511" max="11511" width="37.33203125" style="47" customWidth="1"/>
    <col min="11512" max="11514" width="15.58203125" style="47" customWidth="1"/>
    <col min="11515" max="11515" width="1.83203125" style="47" customWidth="1"/>
    <col min="11516" max="11518" width="15.58203125" style="47" customWidth="1"/>
    <col min="11519" max="11524" width="16.58203125" style="47" customWidth="1"/>
    <col min="11525" max="11765" width="9" style="47"/>
    <col min="11766" max="11766" width="7.58203125" style="47" customWidth="1"/>
    <col min="11767" max="11767" width="37.33203125" style="47" customWidth="1"/>
    <col min="11768" max="11770" width="15.58203125" style="47" customWidth="1"/>
    <col min="11771" max="11771" width="1.83203125" style="47" customWidth="1"/>
    <col min="11772" max="11774" width="15.58203125" style="47" customWidth="1"/>
    <col min="11775" max="11780" width="16.58203125" style="47" customWidth="1"/>
    <col min="11781" max="12021" width="9" style="47"/>
    <col min="12022" max="12022" width="7.58203125" style="47" customWidth="1"/>
    <col min="12023" max="12023" width="37.33203125" style="47" customWidth="1"/>
    <col min="12024" max="12026" width="15.58203125" style="47" customWidth="1"/>
    <col min="12027" max="12027" width="1.83203125" style="47" customWidth="1"/>
    <col min="12028" max="12030" width="15.58203125" style="47" customWidth="1"/>
    <col min="12031" max="12036" width="16.58203125" style="47" customWidth="1"/>
    <col min="12037" max="12277" width="9" style="47"/>
    <col min="12278" max="12278" width="7.58203125" style="47" customWidth="1"/>
    <col min="12279" max="12279" width="37.33203125" style="47" customWidth="1"/>
    <col min="12280" max="12282" width="15.58203125" style="47" customWidth="1"/>
    <col min="12283" max="12283" width="1.83203125" style="47" customWidth="1"/>
    <col min="12284" max="12286" width="15.58203125" style="47" customWidth="1"/>
    <col min="12287" max="12292" width="16.58203125" style="47" customWidth="1"/>
    <col min="12293" max="12533" width="9" style="47"/>
    <col min="12534" max="12534" width="7.58203125" style="47" customWidth="1"/>
    <col min="12535" max="12535" width="37.33203125" style="47" customWidth="1"/>
    <col min="12536" max="12538" width="15.58203125" style="47" customWidth="1"/>
    <col min="12539" max="12539" width="1.83203125" style="47" customWidth="1"/>
    <col min="12540" max="12542" width="15.58203125" style="47" customWidth="1"/>
    <col min="12543" max="12548" width="16.58203125" style="47" customWidth="1"/>
    <col min="12549" max="12789" width="9" style="47"/>
    <col min="12790" max="12790" width="7.58203125" style="47" customWidth="1"/>
    <col min="12791" max="12791" width="37.33203125" style="47" customWidth="1"/>
    <col min="12792" max="12794" width="15.58203125" style="47" customWidth="1"/>
    <col min="12795" max="12795" width="1.83203125" style="47" customWidth="1"/>
    <col min="12796" max="12798" width="15.58203125" style="47" customWidth="1"/>
    <col min="12799" max="12804" width="16.58203125" style="47" customWidth="1"/>
    <col min="12805" max="13045" width="9" style="47"/>
    <col min="13046" max="13046" width="7.58203125" style="47" customWidth="1"/>
    <col min="13047" max="13047" width="37.33203125" style="47" customWidth="1"/>
    <col min="13048" max="13050" width="15.58203125" style="47" customWidth="1"/>
    <col min="13051" max="13051" width="1.83203125" style="47" customWidth="1"/>
    <col min="13052" max="13054" width="15.58203125" style="47" customWidth="1"/>
    <col min="13055" max="13060" width="16.58203125" style="47" customWidth="1"/>
    <col min="13061" max="13301" width="9" style="47"/>
    <col min="13302" max="13302" width="7.58203125" style="47" customWidth="1"/>
    <col min="13303" max="13303" width="37.33203125" style="47" customWidth="1"/>
    <col min="13304" max="13306" width="15.58203125" style="47" customWidth="1"/>
    <col min="13307" max="13307" width="1.83203125" style="47" customWidth="1"/>
    <col min="13308" max="13310" width="15.58203125" style="47" customWidth="1"/>
    <col min="13311" max="13316" width="16.58203125" style="47" customWidth="1"/>
    <col min="13317" max="13557" width="9" style="47"/>
    <col min="13558" max="13558" width="7.58203125" style="47" customWidth="1"/>
    <col min="13559" max="13559" width="37.33203125" style="47" customWidth="1"/>
    <col min="13560" max="13562" width="15.58203125" style="47" customWidth="1"/>
    <col min="13563" max="13563" width="1.83203125" style="47" customWidth="1"/>
    <col min="13564" max="13566" width="15.58203125" style="47" customWidth="1"/>
    <col min="13567" max="13572" width="16.58203125" style="47" customWidth="1"/>
    <col min="13573" max="13813" width="9" style="47"/>
    <col min="13814" max="13814" width="7.58203125" style="47" customWidth="1"/>
    <col min="13815" max="13815" width="37.33203125" style="47" customWidth="1"/>
    <col min="13816" max="13818" width="15.58203125" style="47" customWidth="1"/>
    <col min="13819" max="13819" width="1.83203125" style="47" customWidth="1"/>
    <col min="13820" max="13822" width="15.58203125" style="47" customWidth="1"/>
    <col min="13823" max="13828" width="16.58203125" style="47" customWidth="1"/>
    <col min="13829" max="14069" width="9" style="47"/>
    <col min="14070" max="14070" width="7.58203125" style="47" customWidth="1"/>
    <col min="14071" max="14071" width="37.33203125" style="47" customWidth="1"/>
    <col min="14072" max="14074" width="15.58203125" style="47" customWidth="1"/>
    <col min="14075" max="14075" width="1.83203125" style="47" customWidth="1"/>
    <col min="14076" max="14078" width="15.58203125" style="47" customWidth="1"/>
    <col min="14079" max="14084" width="16.58203125" style="47" customWidth="1"/>
    <col min="14085" max="14325" width="9" style="47"/>
    <col min="14326" max="14326" width="7.58203125" style="47" customWidth="1"/>
    <col min="14327" max="14327" width="37.33203125" style="47" customWidth="1"/>
    <col min="14328" max="14330" width="15.58203125" style="47" customWidth="1"/>
    <col min="14331" max="14331" width="1.83203125" style="47" customWidth="1"/>
    <col min="14332" max="14334" width="15.58203125" style="47" customWidth="1"/>
    <col min="14335" max="14340" width="16.58203125" style="47" customWidth="1"/>
    <col min="14341" max="14581" width="9" style="47"/>
    <col min="14582" max="14582" width="7.58203125" style="47" customWidth="1"/>
    <col min="14583" max="14583" width="37.33203125" style="47" customWidth="1"/>
    <col min="14584" max="14586" width="15.58203125" style="47" customWidth="1"/>
    <col min="14587" max="14587" width="1.83203125" style="47" customWidth="1"/>
    <col min="14588" max="14590" width="15.58203125" style="47" customWidth="1"/>
    <col min="14591" max="14596" width="16.58203125" style="47" customWidth="1"/>
    <col min="14597" max="14837" width="9" style="47"/>
    <col min="14838" max="14838" width="7.58203125" style="47" customWidth="1"/>
    <col min="14839" max="14839" width="37.33203125" style="47" customWidth="1"/>
    <col min="14840" max="14842" width="15.58203125" style="47" customWidth="1"/>
    <col min="14843" max="14843" width="1.83203125" style="47" customWidth="1"/>
    <col min="14844" max="14846" width="15.58203125" style="47" customWidth="1"/>
    <col min="14847" max="14852" width="16.58203125" style="47" customWidth="1"/>
    <col min="14853" max="15093" width="9" style="47"/>
    <col min="15094" max="15094" width="7.58203125" style="47" customWidth="1"/>
    <col min="15095" max="15095" width="37.33203125" style="47" customWidth="1"/>
    <col min="15096" max="15098" width="15.58203125" style="47" customWidth="1"/>
    <col min="15099" max="15099" width="1.83203125" style="47" customWidth="1"/>
    <col min="15100" max="15102" width="15.58203125" style="47" customWidth="1"/>
    <col min="15103" max="15108" width="16.58203125" style="47" customWidth="1"/>
    <col min="15109" max="15349" width="9" style="47"/>
    <col min="15350" max="15350" width="7.58203125" style="47" customWidth="1"/>
    <col min="15351" max="15351" width="37.33203125" style="47" customWidth="1"/>
    <col min="15352" max="15354" width="15.58203125" style="47" customWidth="1"/>
    <col min="15355" max="15355" width="1.83203125" style="47" customWidth="1"/>
    <col min="15356" max="15358" width="15.58203125" style="47" customWidth="1"/>
    <col min="15359" max="15364" width="16.58203125" style="47" customWidth="1"/>
    <col min="15365" max="15605" width="9" style="47"/>
    <col min="15606" max="15606" width="7.58203125" style="47" customWidth="1"/>
    <col min="15607" max="15607" width="37.33203125" style="47" customWidth="1"/>
    <col min="15608" max="15610" width="15.58203125" style="47" customWidth="1"/>
    <col min="15611" max="15611" width="1.83203125" style="47" customWidth="1"/>
    <col min="15612" max="15614" width="15.58203125" style="47" customWidth="1"/>
    <col min="15615" max="15620" width="16.58203125" style="47" customWidth="1"/>
    <col min="15621" max="15861" width="9" style="47"/>
    <col min="15862" max="15862" width="7.58203125" style="47" customWidth="1"/>
    <col min="15863" max="15863" width="37.33203125" style="47" customWidth="1"/>
    <col min="15864" max="15866" width="15.58203125" style="47" customWidth="1"/>
    <col min="15867" max="15867" width="1.83203125" style="47" customWidth="1"/>
    <col min="15868" max="15870" width="15.58203125" style="47" customWidth="1"/>
    <col min="15871" max="15876" width="16.58203125" style="47" customWidth="1"/>
    <col min="15877" max="16117" width="9" style="47"/>
    <col min="16118" max="16118" width="7.58203125" style="47" customWidth="1"/>
    <col min="16119" max="16119" width="37.33203125" style="47" customWidth="1"/>
    <col min="16120" max="16122" width="15.58203125" style="47" customWidth="1"/>
    <col min="16123" max="16123" width="1.83203125" style="47" customWidth="1"/>
    <col min="16124" max="16126" width="15.58203125" style="47" customWidth="1"/>
    <col min="16127" max="16132" width="16.58203125" style="47" customWidth="1"/>
    <col min="16133" max="16384" width="9" style="47"/>
  </cols>
  <sheetData>
    <row r="1" spans="1:11" s="49" customFormat="1">
      <c r="A1" s="652" t="s">
        <v>685</v>
      </c>
      <c r="B1" s="652"/>
      <c r="C1" s="6"/>
      <c r="D1" s="275"/>
      <c r="E1" s="275"/>
      <c r="G1" s="275"/>
      <c r="H1" s="275"/>
      <c r="I1" s="275"/>
    </row>
    <row r="2" spans="1:11" s="49" customFormat="1">
      <c r="D2" s="275"/>
      <c r="E2" s="269"/>
      <c r="F2" s="84"/>
      <c r="H2" s="275"/>
      <c r="I2" s="275"/>
    </row>
    <row r="3" spans="1:11" s="49" customFormat="1">
      <c r="A3" s="36"/>
      <c r="B3" s="272" t="s">
        <v>229</v>
      </c>
      <c r="D3" s="275"/>
      <c r="H3" s="275"/>
    </row>
    <row r="4" spans="1:11" s="27" customFormat="1">
      <c r="B4" s="73"/>
      <c r="C4" s="170" t="s">
        <v>1</v>
      </c>
      <c r="D4" s="170" t="s">
        <v>2</v>
      </c>
      <c r="E4" s="171" t="s">
        <v>3</v>
      </c>
      <c r="F4" s="29"/>
      <c r="G4" s="567" t="s">
        <v>1</v>
      </c>
      <c r="H4" s="567" t="s">
        <v>2</v>
      </c>
      <c r="I4" s="567" t="s">
        <v>3</v>
      </c>
    </row>
    <row r="5" spans="1:11">
      <c r="A5" s="50"/>
      <c r="B5" s="74"/>
      <c r="C5" s="75"/>
      <c r="D5" s="134" t="s">
        <v>689</v>
      </c>
      <c r="E5" s="75"/>
      <c r="F5" s="50"/>
      <c r="G5" s="568"/>
      <c r="H5" s="569" t="s">
        <v>687</v>
      </c>
      <c r="I5" s="568"/>
    </row>
    <row r="6" spans="1:11" ht="27.75" customHeight="1">
      <c r="A6" s="50"/>
      <c r="B6" s="74"/>
      <c r="C6" s="944" t="s">
        <v>93</v>
      </c>
      <c r="D6" s="944"/>
      <c r="E6" s="945" t="s">
        <v>53</v>
      </c>
      <c r="G6" s="940" t="s">
        <v>93</v>
      </c>
      <c r="H6" s="940"/>
      <c r="I6" s="941" t="s">
        <v>53</v>
      </c>
    </row>
    <row r="7" spans="1:11" ht="19.5" customHeight="1">
      <c r="A7" s="50"/>
      <c r="B7" s="70"/>
      <c r="C7" s="946" t="s">
        <v>46</v>
      </c>
      <c r="D7" s="946" t="s">
        <v>47</v>
      </c>
      <c r="E7" s="945"/>
      <c r="G7" s="942" t="s">
        <v>46</v>
      </c>
      <c r="H7" s="942" t="s">
        <v>47</v>
      </c>
      <c r="I7" s="941"/>
    </row>
    <row r="8" spans="1:11" ht="19.5" customHeight="1">
      <c r="A8" s="50"/>
      <c r="B8" s="52" t="s">
        <v>12</v>
      </c>
      <c r="C8" s="947"/>
      <c r="D8" s="947"/>
      <c r="E8" s="944"/>
      <c r="G8" s="943"/>
      <c r="H8" s="943"/>
      <c r="I8" s="940"/>
    </row>
    <row r="9" spans="1:11" s="49" customFormat="1">
      <c r="A9" s="50"/>
      <c r="B9" s="71" t="s">
        <v>48</v>
      </c>
      <c r="C9" s="53"/>
      <c r="D9" s="53"/>
      <c r="E9" s="53"/>
      <c r="G9" s="561"/>
      <c r="H9" s="561"/>
      <c r="I9" s="561"/>
      <c r="J9" s="47"/>
      <c r="K9" s="47"/>
    </row>
    <row r="10" spans="1:11" s="49" customFormat="1">
      <c r="A10" s="50"/>
      <c r="B10" s="53" t="s">
        <v>49</v>
      </c>
      <c r="C10" s="53"/>
      <c r="D10" s="53"/>
      <c r="E10" s="286">
        <v>2095.9144078107201</v>
      </c>
      <c r="G10" s="561"/>
      <c r="H10" s="561"/>
      <c r="I10" s="562">
        <v>1932.26939881825</v>
      </c>
      <c r="J10" s="47"/>
      <c r="K10" s="47"/>
    </row>
    <row r="11" spans="1:11" s="49" customFormat="1">
      <c r="A11" s="50"/>
      <c r="B11" s="53" t="s">
        <v>50</v>
      </c>
      <c r="C11" s="286"/>
      <c r="D11" s="53"/>
      <c r="E11" s="286">
        <v>1993.1371385257</v>
      </c>
      <c r="G11" s="562">
        <v>6594.9502657499997</v>
      </c>
      <c r="H11" s="561"/>
      <c r="I11" s="562">
        <v>3073.20859627444</v>
      </c>
      <c r="J11" s="47"/>
      <c r="K11" s="47"/>
    </row>
    <row r="12" spans="1:11" s="49" customFormat="1">
      <c r="A12" s="50"/>
      <c r="B12" s="53" t="s">
        <v>51</v>
      </c>
      <c r="C12" s="53"/>
      <c r="D12" s="53"/>
      <c r="E12" s="53"/>
      <c r="G12" s="561"/>
      <c r="H12" s="561"/>
      <c r="I12" s="561"/>
      <c r="J12" s="47"/>
      <c r="K12" s="47"/>
    </row>
    <row r="13" spans="1:11" s="49" customFormat="1">
      <c r="A13" s="50"/>
      <c r="B13" s="53" t="s">
        <v>52</v>
      </c>
      <c r="C13" s="53"/>
      <c r="D13" s="53"/>
      <c r="E13" s="53"/>
      <c r="G13" s="561"/>
      <c r="H13" s="561"/>
      <c r="I13" s="561"/>
      <c r="J13" s="47"/>
      <c r="K13" s="47"/>
    </row>
    <row r="14" spans="1:11" s="49" customFormat="1">
      <c r="A14" s="50"/>
      <c r="B14" s="54" t="s">
        <v>53</v>
      </c>
      <c r="C14" s="54"/>
      <c r="D14" s="54"/>
      <c r="E14" s="54"/>
      <c r="G14" s="563"/>
      <c r="H14" s="563"/>
      <c r="I14" s="563"/>
      <c r="J14" s="47"/>
      <c r="K14" s="47"/>
    </row>
    <row r="15" spans="1:11" s="49" customFormat="1">
      <c r="A15" s="50"/>
      <c r="B15" s="71" t="s">
        <v>54</v>
      </c>
      <c r="C15" s="72"/>
      <c r="D15" s="72"/>
      <c r="E15" s="72">
        <v>4089.05154633642</v>
      </c>
      <c r="F15" s="72"/>
      <c r="G15" s="566">
        <v>6594.9502657499997</v>
      </c>
      <c r="H15" s="570"/>
      <c r="I15" s="566">
        <v>5005.4779950926895</v>
      </c>
      <c r="J15" s="47"/>
      <c r="K15" s="47"/>
    </row>
    <row r="16" spans="1:11" s="49" customFormat="1">
      <c r="A16" s="50"/>
      <c r="B16" s="71" t="s">
        <v>55</v>
      </c>
      <c r="C16" s="716"/>
      <c r="D16" s="716"/>
      <c r="E16" s="716"/>
      <c r="F16" s="76"/>
      <c r="G16" s="571"/>
      <c r="H16" s="571"/>
      <c r="I16" s="571"/>
      <c r="J16" s="47"/>
      <c r="K16" s="47"/>
    </row>
    <row r="17" spans="1:11" s="49" customFormat="1">
      <c r="A17" s="50"/>
      <c r="B17" s="77" t="s">
        <v>91</v>
      </c>
      <c r="C17" s="716"/>
      <c r="D17" s="716"/>
      <c r="E17" s="716">
        <v>88.02053410890737</v>
      </c>
      <c r="F17" s="76"/>
      <c r="G17" s="571"/>
      <c r="H17" s="571"/>
      <c r="I17" s="571">
        <v>292.32320280484038</v>
      </c>
      <c r="J17" s="47"/>
      <c r="K17" s="47"/>
    </row>
    <row r="18" spans="1:11" s="49" customFormat="1">
      <c r="B18" s="78" t="s">
        <v>92</v>
      </c>
      <c r="C18" s="717"/>
      <c r="D18" s="717"/>
      <c r="E18" s="717">
        <v>-127.32847758771119</v>
      </c>
      <c r="F18" s="76"/>
      <c r="G18" s="572">
        <v>-116.497943368131</v>
      </c>
      <c r="H18" s="572"/>
      <c r="I18" s="572">
        <v>-187.22660127811309</v>
      </c>
    </row>
    <row r="19" spans="1:11" s="49" customFormat="1">
      <c r="B19" s="53"/>
      <c r="C19" s="53"/>
      <c r="D19" s="53"/>
      <c r="E19" s="53"/>
      <c r="G19" s="53"/>
      <c r="H19" s="53"/>
      <c r="I19" s="53"/>
    </row>
    <row r="20" spans="1:11" s="49" customFormat="1">
      <c r="B20" s="206"/>
      <c r="G20" s="307"/>
    </row>
    <row r="21" spans="1:11" s="49" customFormat="1">
      <c r="B21" s="206"/>
    </row>
    <row r="22" spans="1:11" s="49" customFormat="1" ht="13.15" customHeight="1">
      <c r="B22" s="587"/>
    </row>
    <row r="23" spans="1:11" s="49" customFormat="1" ht="13.15" customHeight="1">
      <c r="B23" s="587"/>
    </row>
    <row r="24" spans="1:11" s="49" customFormat="1">
      <c r="B24" s="587"/>
    </row>
    <row r="25" spans="1:11" s="49" customFormat="1">
      <c r="B25" s="587"/>
    </row>
    <row r="26" spans="1:11" s="49" customFormat="1">
      <c r="B26" s="587"/>
    </row>
    <row r="27" spans="1:11" s="49" customFormat="1">
      <c r="B27" s="587"/>
    </row>
    <row r="28" spans="1:11" s="49" customFormat="1">
      <c r="B28" s="587"/>
    </row>
    <row r="29" spans="1:11" s="49" customFormat="1">
      <c r="B29" s="587"/>
    </row>
    <row r="30" spans="1:11" s="49" customFormat="1">
      <c r="B30" s="587"/>
    </row>
    <row r="31" spans="1:11" s="49" customFormat="1">
      <c r="B31" s="587"/>
    </row>
    <row r="32" spans="1:11" s="49" customFormat="1">
      <c r="B32" s="587"/>
    </row>
    <row r="33" spans="2:9" s="49" customFormat="1">
      <c r="B33" s="587"/>
    </row>
    <row r="34" spans="2:9" s="49" customFormat="1">
      <c r="B34" s="587"/>
    </row>
    <row r="35" spans="2:9" s="49" customFormat="1">
      <c r="B35" s="587"/>
    </row>
    <row r="36" spans="2:9" s="49" customFormat="1">
      <c r="B36" s="587"/>
    </row>
    <row r="37" spans="2:9" s="49" customFormat="1">
      <c r="B37" s="587"/>
    </row>
    <row r="38" spans="2:9" s="49" customFormat="1">
      <c r="B38" s="587"/>
    </row>
    <row r="39" spans="2:9" s="49" customFormat="1">
      <c r="B39" s="587"/>
    </row>
    <row r="40" spans="2:9" s="49" customFormat="1">
      <c r="B40" s="587"/>
    </row>
    <row r="41" spans="2:9" s="49" customFormat="1">
      <c r="B41" s="587"/>
    </row>
    <row r="42" spans="2:9" s="49" customFormat="1">
      <c r="B42" s="587"/>
    </row>
    <row r="43" spans="2:9" s="49" customFormat="1">
      <c r="B43" s="587"/>
    </row>
    <row r="44" spans="2:9">
      <c r="B44" s="587"/>
      <c r="C44" s="49"/>
      <c r="D44" s="49"/>
      <c r="E44" s="49"/>
      <c r="F44" s="49"/>
      <c r="G44" s="49"/>
      <c r="H44" s="49"/>
      <c r="I44" s="49"/>
    </row>
    <row r="45" spans="2:9">
      <c r="B45" s="587"/>
      <c r="C45" s="49"/>
      <c r="D45" s="49"/>
      <c r="E45" s="49"/>
      <c r="F45" s="49"/>
      <c r="G45" s="49"/>
      <c r="H45" s="49"/>
      <c r="I45" s="49"/>
    </row>
    <row r="46" spans="2:9">
      <c r="B46" s="587"/>
      <c r="C46" s="49"/>
      <c r="D46" s="49"/>
      <c r="E46" s="49"/>
      <c r="F46" s="49"/>
      <c r="G46" s="49"/>
      <c r="H46" s="49"/>
      <c r="I46" s="49"/>
    </row>
    <row r="47" spans="2:9">
      <c r="B47" s="587"/>
      <c r="C47" s="49"/>
      <c r="D47" s="49"/>
      <c r="E47" s="49"/>
      <c r="F47" s="49"/>
      <c r="G47" s="49"/>
      <c r="H47" s="49"/>
      <c r="I47" s="49"/>
    </row>
    <row r="48" spans="2:9">
      <c r="B48" s="587"/>
      <c r="C48" s="49"/>
      <c r="D48" s="49"/>
      <c r="E48" s="49"/>
      <c r="F48" s="49"/>
      <c r="G48" s="49"/>
      <c r="H48" s="49"/>
      <c r="I48" s="49"/>
    </row>
    <row r="49" spans="2:9">
      <c r="B49" s="587"/>
      <c r="C49" s="49"/>
      <c r="D49" s="49"/>
      <c r="E49" s="49"/>
      <c r="F49" s="49"/>
      <c r="G49" s="49"/>
      <c r="H49" s="49"/>
      <c r="I49" s="49"/>
    </row>
  </sheetData>
  <mergeCells count="8">
    <mergeCell ref="G6:H6"/>
    <mergeCell ref="I6:I8"/>
    <mergeCell ref="G7:G8"/>
    <mergeCell ref="H7:H8"/>
    <mergeCell ref="C6:D6"/>
    <mergeCell ref="E6:E8"/>
    <mergeCell ref="C7:C8"/>
    <mergeCell ref="D7:D8"/>
  </mergeCells>
  <pageMargins left="0.70866141732283472" right="0.70866141732283472" top="0.74803149606299213" bottom="0.74803149606299213" header="0.31496062992125984" footer="0.31496062992125984"/>
  <pageSetup paperSize="9" scale="88" orientation="landscape" r:id="rId1"/>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E00-000000000000}">
  <sheetPr codeName="Sheet46">
    <pageSetUpPr fitToPage="1"/>
  </sheetPr>
  <dimension ref="A1:K25"/>
  <sheetViews>
    <sheetView zoomScaleNormal="100" workbookViewId="0">
      <selection activeCell="B3" sqref="B3"/>
    </sheetView>
  </sheetViews>
  <sheetFormatPr defaultColWidth="8.75" defaultRowHeight="13"/>
  <cols>
    <col min="1" max="1" width="6.83203125" style="1" customWidth="1"/>
    <col min="2" max="2" width="68" style="7" customWidth="1"/>
    <col min="3" max="4" width="16.58203125" style="222" customWidth="1"/>
    <col min="5" max="5" width="1.75" style="222" customWidth="1"/>
    <col min="6" max="7" width="16.58203125" style="222" customWidth="1"/>
    <col min="8" max="8" width="16.58203125" style="1" customWidth="1"/>
    <col min="9" max="16384" width="8.75" style="1"/>
  </cols>
  <sheetData>
    <row r="1" spans="1:11" s="224" customFormat="1">
      <c r="A1" s="652" t="s">
        <v>685</v>
      </c>
      <c r="B1" s="652"/>
      <c r="C1" s="6"/>
    </row>
    <row r="2" spans="1:11" s="224" customFormat="1" ht="13.15" customHeight="1">
      <c r="D2" s="269"/>
      <c r="F2" s="246"/>
    </row>
    <row r="3" spans="1:11" s="224" customFormat="1">
      <c r="B3" s="226" t="s">
        <v>234</v>
      </c>
    </row>
    <row r="4" spans="1:11" s="224" customFormat="1">
      <c r="B4" s="217"/>
      <c r="C4" s="196" t="s">
        <v>1</v>
      </c>
      <c r="D4" s="196" t="s">
        <v>2</v>
      </c>
      <c r="F4" s="573" t="s">
        <v>1</v>
      </c>
      <c r="G4" s="573" t="s">
        <v>2</v>
      </c>
    </row>
    <row r="5" spans="1:11" ht="21" customHeight="1">
      <c r="B5" s="756"/>
      <c r="C5" s="948" t="s">
        <v>695</v>
      </c>
      <c r="D5" s="949"/>
      <c r="F5" s="952" t="s">
        <v>687</v>
      </c>
      <c r="G5" s="953"/>
    </row>
    <row r="6" spans="1:11" ht="19.5" customHeight="1">
      <c r="B6" s="783" t="s">
        <v>12</v>
      </c>
      <c r="C6" s="950" t="s">
        <v>131</v>
      </c>
      <c r="D6" s="950" t="s">
        <v>445</v>
      </c>
      <c r="F6" s="954" t="s">
        <v>131</v>
      </c>
      <c r="G6" s="954" t="s">
        <v>445</v>
      </c>
    </row>
    <row r="7" spans="1:11" ht="19.5" customHeight="1">
      <c r="B7" s="784"/>
      <c r="C7" s="951"/>
      <c r="D7" s="951"/>
      <c r="F7" s="955"/>
      <c r="G7" s="955"/>
    </row>
    <row r="8" spans="1:11" s="5" customFormat="1">
      <c r="A8" s="160">
        <v>1</v>
      </c>
      <c r="B8" s="174" t="s">
        <v>56</v>
      </c>
      <c r="C8" s="177"/>
      <c r="D8" s="200">
        <v>72.712000000000003</v>
      </c>
      <c r="E8" s="222"/>
      <c r="F8" s="574"/>
      <c r="G8" s="575">
        <v>76.078999999999994</v>
      </c>
      <c r="H8" s="1"/>
      <c r="I8" s="1"/>
      <c r="J8" s="1"/>
      <c r="K8" s="1"/>
    </row>
    <row r="9" spans="1:11" s="5" customFormat="1">
      <c r="A9" s="185">
        <v>2</v>
      </c>
      <c r="B9" s="173" t="s">
        <v>57</v>
      </c>
      <c r="C9" s="178">
        <v>3344.97298</v>
      </c>
      <c r="D9" s="178">
        <v>66.899499599999999</v>
      </c>
      <c r="E9" s="233"/>
      <c r="F9" s="437">
        <v>3292.3895499999999</v>
      </c>
      <c r="G9" s="437">
        <v>65.84755100000001</v>
      </c>
      <c r="H9" s="1"/>
      <c r="I9" s="1"/>
      <c r="J9" s="1"/>
      <c r="K9" s="1"/>
    </row>
    <row r="10" spans="1:11" s="5" customFormat="1">
      <c r="A10" s="185">
        <v>3</v>
      </c>
      <c r="B10" s="173" t="s">
        <v>58</v>
      </c>
      <c r="C10" s="178">
        <v>721.57497999999998</v>
      </c>
      <c r="D10" s="178">
        <v>14.4314996</v>
      </c>
      <c r="E10" s="222"/>
      <c r="F10" s="437">
        <v>700.42755</v>
      </c>
      <c r="G10" s="437">
        <v>14.008551000000001</v>
      </c>
      <c r="H10" s="1"/>
      <c r="I10" s="1"/>
      <c r="J10" s="1"/>
      <c r="K10" s="1"/>
    </row>
    <row r="11" spans="1:11" s="5" customFormat="1">
      <c r="A11" s="185">
        <v>4</v>
      </c>
      <c r="B11" s="199" t="s">
        <v>59</v>
      </c>
      <c r="C11" s="178">
        <v>2623.328</v>
      </c>
      <c r="D11" s="178">
        <v>52.466999999999999</v>
      </c>
      <c r="E11" s="222"/>
      <c r="F11" s="437">
        <v>2591.8919999999998</v>
      </c>
      <c r="G11" s="437">
        <v>51.838000000000001</v>
      </c>
      <c r="H11" s="1"/>
      <c r="I11" s="1"/>
      <c r="J11" s="1"/>
      <c r="K11" s="1"/>
    </row>
    <row r="12" spans="1:11" s="5" customFormat="1">
      <c r="A12" s="185">
        <v>5</v>
      </c>
      <c r="B12" s="173" t="s">
        <v>60</v>
      </c>
      <c r="C12" s="178">
        <v>7.0000000000000007E-2</v>
      </c>
      <c r="D12" s="178">
        <v>1E-3</v>
      </c>
      <c r="E12" s="222"/>
      <c r="F12" s="437">
        <v>7.0000000000000007E-2</v>
      </c>
      <c r="G12" s="437">
        <v>1E-3</v>
      </c>
      <c r="H12" s="1"/>
      <c r="I12" s="1"/>
      <c r="J12" s="1"/>
      <c r="K12" s="1"/>
    </row>
    <row r="13" spans="1:11" s="5" customFormat="1">
      <c r="A13" s="185">
        <v>6</v>
      </c>
      <c r="B13" s="173" t="s">
        <v>61</v>
      </c>
      <c r="C13" s="173"/>
      <c r="D13" s="173"/>
      <c r="E13" s="222"/>
      <c r="F13" s="576"/>
      <c r="G13" s="576"/>
      <c r="H13" s="1"/>
      <c r="I13" s="1"/>
      <c r="J13" s="1"/>
      <c r="K13" s="1"/>
    </row>
    <row r="14" spans="1:11" s="5" customFormat="1" ht="14.5">
      <c r="A14" s="185">
        <v>7</v>
      </c>
      <c r="B14" s="173" t="s">
        <v>562</v>
      </c>
      <c r="C14" s="178">
        <v>3763.995527</v>
      </c>
      <c r="D14" s="177"/>
      <c r="E14" s="222"/>
      <c r="F14" s="437">
        <v>4906.4501700939563</v>
      </c>
      <c r="G14" s="574"/>
      <c r="H14" s="1"/>
      <c r="I14" s="1"/>
      <c r="J14" s="1"/>
      <c r="K14" s="1"/>
    </row>
    <row r="15" spans="1:11" s="5" customFormat="1" ht="14.5">
      <c r="A15" s="185">
        <v>8</v>
      </c>
      <c r="B15" s="173" t="s">
        <v>561</v>
      </c>
      <c r="C15" s="178">
        <v>5596.7707840000003</v>
      </c>
      <c r="D15" s="173"/>
      <c r="E15" s="222"/>
      <c r="F15" s="437">
        <v>4895.6299435319042</v>
      </c>
      <c r="G15" s="576"/>
      <c r="H15" s="1"/>
      <c r="I15" s="1"/>
      <c r="J15" s="1"/>
      <c r="K15" s="1"/>
    </row>
    <row r="16" spans="1:11" s="5" customFormat="1">
      <c r="A16" s="185">
        <v>9</v>
      </c>
      <c r="B16" s="173" t="s">
        <v>133</v>
      </c>
      <c r="C16" s="178">
        <v>1856.1049130159997</v>
      </c>
      <c r="D16" s="178">
        <v>184.44342838699998</v>
      </c>
      <c r="E16" s="222"/>
      <c r="F16" s="437">
        <v>1787.1212315289999</v>
      </c>
      <c r="G16" s="437">
        <v>79.677421023000008</v>
      </c>
      <c r="H16" s="1"/>
      <c r="I16" s="1"/>
      <c r="J16" s="1"/>
      <c r="K16" s="1"/>
    </row>
    <row r="17" spans="1:11" s="5" customFormat="1">
      <c r="A17" s="185">
        <v>10</v>
      </c>
      <c r="B17" s="176" t="s">
        <v>132</v>
      </c>
      <c r="C17" s="179"/>
      <c r="D17" s="176"/>
      <c r="E17" s="192"/>
      <c r="F17" s="577"/>
      <c r="G17" s="578"/>
      <c r="H17" s="1"/>
      <c r="I17" s="1"/>
      <c r="J17" s="1"/>
      <c r="K17" s="1"/>
    </row>
    <row r="18" spans="1:11" s="5" customFormat="1">
      <c r="B18" s="6"/>
      <c r="C18" s="224"/>
      <c r="D18" s="224"/>
      <c r="E18" s="224"/>
      <c r="F18" s="224"/>
      <c r="G18" s="224"/>
    </row>
    <row r="19" spans="1:11">
      <c r="A19" s="334"/>
      <c r="B19" s="746" t="s">
        <v>684</v>
      </c>
    </row>
    <row r="20" spans="1:11">
      <c r="B20" s="222"/>
    </row>
    <row r="21" spans="1:11">
      <c r="B21" s="6"/>
      <c r="C21" s="285"/>
      <c r="D21" s="224"/>
    </row>
    <row r="22" spans="1:11">
      <c r="B22" s="6"/>
      <c r="C22" s="224"/>
      <c r="D22" s="246"/>
    </row>
    <row r="23" spans="1:11">
      <c r="B23" s="6"/>
    </row>
    <row r="24" spans="1:11">
      <c r="B24" s="6"/>
    </row>
    <row r="25" spans="1:11">
      <c r="B25" s="6"/>
    </row>
  </sheetData>
  <mergeCells count="7">
    <mergeCell ref="B6:B7"/>
    <mergeCell ref="C5:D5"/>
    <mergeCell ref="C6:C7"/>
    <mergeCell ref="D6:D7"/>
    <mergeCell ref="F5:G5"/>
    <mergeCell ref="F6:F7"/>
    <mergeCell ref="G6:G7"/>
  </mergeCells>
  <pageMargins left="0.70866141732283472" right="0.70866141732283472" top="0.74803149606299213" bottom="0.74803149606299213" header="0.31496062992125984" footer="0.31496062992125984"/>
  <pageSetup paperSize="9" scale="86" orientation="landscape" r:id="rId1"/>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400-000000000000}">
  <sheetPr codeName="Sheet53">
    <pageSetUpPr fitToPage="1"/>
  </sheetPr>
  <dimension ref="A1:G22"/>
  <sheetViews>
    <sheetView zoomScaleNormal="100" workbookViewId="0">
      <selection activeCell="B3" sqref="B3"/>
    </sheetView>
  </sheetViews>
  <sheetFormatPr defaultColWidth="9" defaultRowHeight="13"/>
  <cols>
    <col min="1" max="1" width="6.83203125" style="83" customWidth="1"/>
    <col min="2" max="2" width="35.25" style="83" customWidth="1"/>
    <col min="3" max="4" width="23.75" style="83" customWidth="1"/>
    <col min="5" max="5" width="3.25" style="84" customWidth="1"/>
    <col min="6" max="7" width="23.75" style="83" customWidth="1"/>
    <col min="8" max="250" width="9" style="83"/>
    <col min="251" max="251" width="7.58203125" style="83" customWidth="1"/>
    <col min="252" max="252" width="35.25" style="83" customWidth="1"/>
    <col min="253" max="256" width="23.75" style="83" customWidth="1"/>
    <col min="257" max="506" width="9" style="83"/>
    <col min="507" max="507" width="7.58203125" style="83" customWidth="1"/>
    <col min="508" max="508" width="35.25" style="83" customWidth="1"/>
    <col min="509" max="512" width="23.75" style="83" customWidth="1"/>
    <col min="513" max="762" width="9" style="83"/>
    <col min="763" max="763" width="7.58203125" style="83" customWidth="1"/>
    <col min="764" max="764" width="35.25" style="83" customWidth="1"/>
    <col min="765" max="768" width="23.75" style="83" customWidth="1"/>
    <col min="769" max="1018" width="9" style="83"/>
    <col min="1019" max="1019" width="7.58203125" style="83" customWidth="1"/>
    <col min="1020" max="1020" width="35.25" style="83" customWidth="1"/>
    <col min="1021" max="1024" width="23.75" style="83" customWidth="1"/>
    <col min="1025" max="1274" width="9" style="83"/>
    <col min="1275" max="1275" width="7.58203125" style="83" customWidth="1"/>
    <col min="1276" max="1276" width="35.25" style="83" customWidth="1"/>
    <col min="1277" max="1280" width="23.75" style="83" customWidth="1"/>
    <col min="1281" max="1530" width="9" style="83"/>
    <col min="1531" max="1531" width="7.58203125" style="83" customWidth="1"/>
    <col min="1532" max="1532" width="35.25" style="83" customWidth="1"/>
    <col min="1533" max="1536" width="23.75" style="83" customWidth="1"/>
    <col min="1537" max="1786" width="9" style="83"/>
    <col min="1787" max="1787" width="7.58203125" style="83" customWidth="1"/>
    <col min="1788" max="1788" width="35.25" style="83" customWidth="1"/>
    <col min="1789" max="1792" width="23.75" style="83" customWidth="1"/>
    <col min="1793" max="2042" width="9" style="83"/>
    <col min="2043" max="2043" width="7.58203125" style="83" customWidth="1"/>
    <col min="2044" max="2044" width="35.25" style="83" customWidth="1"/>
    <col min="2045" max="2048" width="23.75" style="83" customWidth="1"/>
    <col min="2049" max="2298" width="9" style="83"/>
    <col min="2299" max="2299" width="7.58203125" style="83" customWidth="1"/>
    <col min="2300" max="2300" width="35.25" style="83" customWidth="1"/>
    <col min="2301" max="2304" width="23.75" style="83" customWidth="1"/>
    <col min="2305" max="2554" width="9" style="83"/>
    <col min="2555" max="2555" width="7.58203125" style="83" customWidth="1"/>
    <col min="2556" max="2556" width="35.25" style="83" customWidth="1"/>
    <col min="2557" max="2560" width="23.75" style="83" customWidth="1"/>
    <col min="2561" max="2810" width="9" style="83"/>
    <col min="2811" max="2811" width="7.58203125" style="83" customWidth="1"/>
    <col min="2812" max="2812" width="35.25" style="83" customWidth="1"/>
    <col min="2813" max="2816" width="23.75" style="83" customWidth="1"/>
    <col min="2817" max="3066" width="9" style="83"/>
    <col min="3067" max="3067" width="7.58203125" style="83" customWidth="1"/>
    <col min="3068" max="3068" width="35.25" style="83" customWidth="1"/>
    <col min="3069" max="3072" width="23.75" style="83" customWidth="1"/>
    <col min="3073" max="3322" width="9" style="83"/>
    <col min="3323" max="3323" width="7.58203125" style="83" customWidth="1"/>
    <col min="3324" max="3324" width="35.25" style="83" customWidth="1"/>
    <col min="3325" max="3328" width="23.75" style="83" customWidth="1"/>
    <col min="3329" max="3578" width="9" style="83"/>
    <col min="3579" max="3579" width="7.58203125" style="83" customWidth="1"/>
    <col min="3580" max="3580" width="35.25" style="83" customWidth="1"/>
    <col min="3581" max="3584" width="23.75" style="83" customWidth="1"/>
    <col min="3585" max="3834" width="9" style="83"/>
    <col min="3835" max="3835" width="7.58203125" style="83" customWidth="1"/>
    <col min="3836" max="3836" width="35.25" style="83" customWidth="1"/>
    <col min="3837" max="3840" width="23.75" style="83" customWidth="1"/>
    <col min="3841" max="4090" width="9" style="83"/>
    <col min="4091" max="4091" width="7.58203125" style="83" customWidth="1"/>
    <col min="4092" max="4092" width="35.25" style="83" customWidth="1"/>
    <col min="4093" max="4096" width="23.75" style="83" customWidth="1"/>
    <col min="4097" max="4346" width="9" style="83"/>
    <col min="4347" max="4347" width="7.58203125" style="83" customWidth="1"/>
    <col min="4348" max="4348" width="35.25" style="83" customWidth="1"/>
    <col min="4349" max="4352" width="23.75" style="83" customWidth="1"/>
    <col min="4353" max="4602" width="9" style="83"/>
    <col min="4603" max="4603" width="7.58203125" style="83" customWidth="1"/>
    <col min="4604" max="4604" width="35.25" style="83" customWidth="1"/>
    <col min="4605" max="4608" width="23.75" style="83" customWidth="1"/>
    <col min="4609" max="4858" width="9" style="83"/>
    <col min="4859" max="4859" width="7.58203125" style="83" customWidth="1"/>
    <col min="4860" max="4860" width="35.25" style="83" customWidth="1"/>
    <col min="4861" max="4864" width="23.75" style="83" customWidth="1"/>
    <col min="4865" max="5114" width="9" style="83"/>
    <col min="5115" max="5115" width="7.58203125" style="83" customWidth="1"/>
    <col min="5116" max="5116" width="35.25" style="83" customWidth="1"/>
    <col min="5117" max="5120" width="23.75" style="83" customWidth="1"/>
    <col min="5121" max="5370" width="9" style="83"/>
    <col min="5371" max="5371" width="7.58203125" style="83" customWidth="1"/>
    <col min="5372" max="5372" width="35.25" style="83" customWidth="1"/>
    <col min="5373" max="5376" width="23.75" style="83" customWidth="1"/>
    <col min="5377" max="5626" width="9" style="83"/>
    <col min="5627" max="5627" width="7.58203125" style="83" customWidth="1"/>
    <col min="5628" max="5628" width="35.25" style="83" customWidth="1"/>
    <col min="5629" max="5632" width="23.75" style="83" customWidth="1"/>
    <col min="5633" max="5882" width="9" style="83"/>
    <col min="5883" max="5883" width="7.58203125" style="83" customWidth="1"/>
    <col min="5884" max="5884" width="35.25" style="83" customWidth="1"/>
    <col min="5885" max="5888" width="23.75" style="83" customWidth="1"/>
    <col min="5889" max="6138" width="9" style="83"/>
    <col min="6139" max="6139" width="7.58203125" style="83" customWidth="1"/>
    <col min="6140" max="6140" width="35.25" style="83" customWidth="1"/>
    <col min="6141" max="6144" width="23.75" style="83" customWidth="1"/>
    <col min="6145" max="6394" width="9" style="83"/>
    <col min="6395" max="6395" width="7.58203125" style="83" customWidth="1"/>
    <col min="6396" max="6396" width="35.25" style="83" customWidth="1"/>
    <col min="6397" max="6400" width="23.75" style="83" customWidth="1"/>
    <col min="6401" max="6650" width="9" style="83"/>
    <col min="6651" max="6651" width="7.58203125" style="83" customWidth="1"/>
    <col min="6652" max="6652" width="35.25" style="83" customWidth="1"/>
    <col min="6653" max="6656" width="23.75" style="83" customWidth="1"/>
    <col min="6657" max="6906" width="9" style="83"/>
    <col min="6907" max="6907" width="7.58203125" style="83" customWidth="1"/>
    <col min="6908" max="6908" width="35.25" style="83" customWidth="1"/>
    <col min="6909" max="6912" width="23.75" style="83" customWidth="1"/>
    <col min="6913" max="7162" width="9" style="83"/>
    <col min="7163" max="7163" width="7.58203125" style="83" customWidth="1"/>
    <col min="7164" max="7164" width="35.25" style="83" customWidth="1"/>
    <col min="7165" max="7168" width="23.75" style="83" customWidth="1"/>
    <col min="7169" max="7418" width="9" style="83"/>
    <col min="7419" max="7419" width="7.58203125" style="83" customWidth="1"/>
    <col min="7420" max="7420" width="35.25" style="83" customWidth="1"/>
    <col min="7421" max="7424" width="23.75" style="83" customWidth="1"/>
    <col min="7425" max="7674" width="9" style="83"/>
    <col min="7675" max="7675" width="7.58203125" style="83" customWidth="1"/>
    <col min="7676" max="7676" width="35.25" style="83" customWidth="1"/>
    <col min="7677" max="7680" width="23.75" style="83" customWidth="1"/>
    <col min="7681" max="7930" width="9" style="83"/>
    <col min="7931" max="7931" width="7.58203125" style="83" customWidth="1"/>
    <col min="7932" max="7932" width="35.25" style="83" customWidth="1"/>
    <col min="7933" max="7936" width="23.75" style="83" customWidth="1"/>
    <col min="7937" max="8186" width="9" style="83"/>
    <col min="8187" max="8187" width="7.58203125" style="83" customWidth="1"/>
    <col min="8188" max="8188" width="35.25" style="83" customWidth="1"/>
    <col min="8189" max="8192" width="23.75" style="83" customWidth="1"/>
    <col min="8193" max="8442" width="9" style="83"/>
    <col min="8443" max="8443" width="7.58203125" style="83" customWidth="1"/>
    <col min="8444" max="8444" width="35.25" style="83" customWidth="1"/>
    <col min="8445" max="8448" width="23.75" style="83" customWidth="1"/>
    <col min="8449" max="8698" width="9" style="83"/>
    <col min="8699" max="8699" width="7.58203125" style="83" customWidth="1"/>
    <col min="8700" max="8700" width="35.25" style="83" customWidth="1"/>
    <col min="8701" max="8704" width="23.75" style="83" customWidth="1"/>
    <col min="8705" max="8954" width="9" style="83"/>
    <col min="8955" max="8955" width="7.58203125" style="83" customWidth="1"/>
    <col min="8956" max="8956" width="35.25" style="83" customWidth="1"/>
    <col min="8957" max="8960" width="23.75" style="83" customWidth="1"/>
    <col min="8961" max="9210" width="9" style="83"/>
    <col min="9211" max="9211" width="7.58203125" style="83" customWidth="1"/>
    <col min="9212" max="9212" width="35.25" style="83" customWidth="1"/>
    <col min="9213" max="9216" width="23.75" style="83" customWidth="1"/>
    <col min="9217" max="9466" width="9" style="83"/>
    <col min="9467" max="9467" width="7.58203125" style="83" customWidth="1"/>
    <col min="9468" max="9468" width="35.25" style="83" customWidth="1"/>
    <col min="9469" max="9472" width="23.75" style="83" customWidth="1"/>
    <col min="9473" max="9722" width="9" style="83"/>
    <col min="9723" max="9723" width="7.58203125" style="83" customWidth="1"/>
    <col min="9724" max="9724" width="35.25" style="83" customWidth="1"/>
    <col min="9725" max="9728" width="23.75" style="83" customWidth="1"/>
    <col min="9729" max="9978" width="9" style="83"/>
    <col min="9979" max="9979" width="7.58203125" style="83" customWidth="1"/>
    <col min="9980" max="9980" width="35.25" style="83" customWidth="1"/>
    <col min="9981" max="9984" width="23.75" style="83" customWidth="1"/>
    <col min="9985" max="10234" width="9" style="83"/>
    <col min="10235" max="10235" width="7.58203125" style="83" customWidth="1"/>
    <col min="10236" max="10236" width="35.25" style="83" customWidth="1"/>
    <col min="10237" max="10240" width="23.75" style="83" customWidth="1"/>
    <col min="10241" max="10490" width="9" style="83"/>
    <col min="10491" max="10491" width="7.58203125" style="83" customWidth="1"/>
    <col min="10492" max="10492" width="35.25" style="83" customWidth="1"/>
    <col min="10493" max="10496" width="23.75" style="83" customWidth="1"/>
    <col min="10497" max="10746" width="9" style="83"/>
    <col min="10747" max="10747" width="7.58203125" style="83" customWidth="1"/>
    <col min="10748" max="10748" width="35.25" style="83" customWidth="1"/>
    <col min="10749" max="10752" width="23.75" style="83" customWidth="1"/>
    <col min="10753" max="11002" width="9" style="83"/>
    <col min="11003" max="11003" width="7.58203125" style="83" customWidth="1"/>
    <col min="11004" max="11004" width="35.25" style="83" customWidth="1"/>
    <col min="11005" max="11008" width="23.75" style="83" customWidth="1"/>
    <col min="11009" max="11258" width="9" style="83"/>
    <col min="11259" max="11259" width="7.58203125" style="83" customWidth="1"/>
    <col min="11260" max="11260" width="35.25" style="83" customWidth="1"/>
    <col min="11261" max="11264" width="23.75" style="83" customWidth="1"/>
    <col min="11265" max="11514" width="9" style="83"/>
    <col min="11515" max="11515" width="7.58203125" style="83" customWidth="1"/>
    <col min="11516" max="11516" width="35.25" style="83" customWidth="1"/>
    <col min="11517" max="11520" width="23.75" style="83" customWidth="1"/>
    <col min="11521" max="11770" width="9" style="83"/>
    <col min="11771" max="11771" width="7.58203125" style="83" customWidth="1"/>
    <col min="11772" max="11772" width="35.25" style="83" customWidth="1"/>
    <col min="11773" max="11776" width="23.75" style="83" customWidth="1"/>
    <col min="11777" max="12026" width="9" style="83"/>
    <col min="12027" max="12027" width="7.58203125" style="83" customWidth="1"/>
    <col min="12028" max="12028" width="35.25" style="83" customWidth="1"/>
    <col min="12029" max="12032" width="23.75" style="83" customWidth="1"/>
    <col min="12033" max="12282" width="9" style="83"/>
    <col min="12283" max="12283" width="7.58203125" style="83" customWidth="1"/>
    <col min="12284" max="12284" width="35.25" style="83" customWidth="1"/>
    <col min="12285" max="12288" width="23.75" style="83" customWidth="1"/>
    <col min="12289" max="12538" width="9" style="83"/>
    <col min="12539" max="12539" width="7.58203125" style="83" customWidth="1"/>
    <col min="12540" max="12540" width="35.25" style="83" customWidth="1"/>
    <col min="12541" max="12544" width="23.75" style="83" customWidth="1"/>
    <col min="12545" max="12794" width="9" style="83"/>
    <col min="12795" max="12795" width="7.58203125" style="83" customWidth="1"/>
    <col min="12796" max="12796" width="35.25" style="83" customWidth="1"/>
    <col min="12797" max="12800" width="23.75" style="83" customWidth="1"/>
    <col min="12801" max="13050" width="9" style="83"/>
    <col min="13051" max="13051" width="7.58203125" style="83" customWidth="1"/>
    <col min="13052" max="13052" width="35.25" style="83" customWidth="1"/>
    <col min="13053" max="13056" width="23.75" style="83" customWidth="1"/>
    <col min="13057" max="13306" width="9" style="83"/>
    <col min="13307" max="13307" width="7.58203125" style="83" customWidth="1"/>
    <col min="13308" max="13308" width="35.25" style="83" customWidth="1"/>
    <col min="13309" max="13312" width="23.75" style="83" customWidth="1"/>
    <col min="13313" max="13562" width="9" style="83"/>
    <col min="13563" max="13563" width="7.58203125" style="83" customWidth="1"/>
    <col min="13564" max="13564" width="35.25" style="83" customWidth="1"/>
    <col min="13565" max="13568" width="23.75" style="83" customWidth="1"/>
    <col min="13569" max="13818" width="9" style="83"/>
    <col min="13819" max="13819" width="7.58203125" style="83" customWidth="1"/>
    <col min="13820" max="13820" width="35.25" style="83" customWidth="1"/>
    <col min="13821" max="13824" width="23.75" style="83" customWidth="1"/>
    <col min="13825" max="14074" width="9" style="83"/>
    <col min="14075" max="14075" width="7.58203125" style="83" customWidth="1"/>
    <col min="14076" max="14076" width="35.25" style="83" customWidth="1"/>
    <col min="14077" max="14080" width="23.75" style="83" customWidth="1"/>
    <col min="14081" max="14330" width="9" style="83"/>
    <col min="14331" max="14331" width="7.58203125" style="83" customWidth="1"/>
    <col min="14332" max="14332" width="35.25" style="83" customWidth="1"/>
    <col min="14333" max="14336" width="23.75" style="83" customWidth="1"/>
    <col min="14337" max="14586" width="9" style="83"/>
    <col min="14587" max="14587" width="7.58203125" style="83" customWidth="1"/>
    <col min="14588" max="14588" width="35.25" style="83" customWidth="1"/>
    <col min="14589" max="14592" width="23.75" style="83" customWidth="1"/>
    <col min="14593" max="14842" width="9" style="83"/>
    <col min="14843" max="14843" width="7.58203125" style="83" customWidth="1"/>
    <col min="14844" max="14844" width="35.25" style="83" customWidth="1"/>
    <col min="14845" max="14848" width="23.75" style="83" customWidth="1"/>
    <col min="14849" max="15098" width="9" style="83"/>
    <col min="15099" max="15099" width="7.58203125" style="83" customWidth="1"/>
    <col min="15100" max="15100" width="35.25" style="83" customWidth="1"/>
    <col min="15101" max="15104" width="23.75" style="83" customWidth="1"/>
    <col min="15105" max="15354" width="9" style="83"/>
    <col min="15355" max="15355" width="7.58203125" style="83" customWidth="1"/>
    <col min="15356" max="15356" width="35.25" style="83" customWidth="1"/>
    <col min="15357" max="15360" width="23.75" style="83" customWidth="1"/>
    <col min="15361" max="15610" width="9" style="83"/>
    <col min="15611" max="15611" width="7.58203125" style="83" customWidth="1"/>
    <col min="15612" max="15612" width="35.25" style="83" customWidth="1"/>
    <col min="15613" max="15616" width="23.75" style="83" customWidth="1"/>
    <col min="15617" max="15866" width="9" style="83"/>
    <col min="15867" max="15867" width="7.58203125" style="83" customWidth="1"/>
    <col min="15868" max="15868" width="35.25" style="83" customWidth="1"/>
    <col min="15869" max="15872" width="23.75" style="83" customWidth="1"/>
    <col min="15873" max="16122" width="9" style="83"/>
    <col min="16123" max="16123" width="7.58203125" style="83" customWidth="1"/>
    <col min="16124" max="16124" width="35.25" style="83" customWidth="1"/>
    <col min="16125" max="16128" width="23.75" style="83" customWidth="1"/>
    <col min="16129" max="16384" width="9" style="83"/>
  </cols>
  <sheetData>
    <row r="1" spans="1:7" s="84" customFormat="1">
      <c r="A1" s="652" t="s">
        <v>685</v>
      </c>
      <c r="B1" s="652"/>
      <c r="C1" s="6"/>
      <c r="D1" s="275"/>
      <c r="G1" s="275"/>
    </row>
    <row r="2" spans="1:7" s="84" customFormat="1">
      <c r="D2" s="269"/>
      <c r="G2" s="275"/>
    </row>
    <row r="3" spans="1:7" s="84" customFormat="1">
      <c r="A3" s="36"/>
      <c r="B3" s="36" t="s">
        <v>228</v>
      </c>
      <c r="D3" s="275"/>
      <c r="G3" s="275"/>
    </row>
    <row r="4" spans="1:7">
      <c r="A4" s="65"/>
      <c r="B4" s="65"/>
      <c r="C4" s="579" t="s">
        <v>1</v>
      </c>
      <c r="D4" s="579" t="s">
        <v>2</v>
      </c>
      <c r="F4" s="579" t="s">
        <v>1</v>
      </c>
      <c r="G4" s="579" t="s">
        <v>2</v>
      </c>
    </row>
    <row r="5" spans="1:7">
      <c r="B5" s="79"/>
      <c r="C5" s="956" t="s">
        <v>689</v>
      </c>
      <c r="D5" s="957"/>
      <c r="F5" s="956" t="s">
        <v>687</v>
      </c>
      <c r="G5" s="957"/>
    </row>
    <row r="6" spans="1:7">
      <c r="B6" s="80" t="s">
        <v>12</v>
      </c>
      <c r="C6" s="580" t="s">
        <v>445</v>
      </c>
      <c r="D6" s="580" t="s">
        <v>63</v>
      </c>
      <c r="F6" s="580" t="s">
        <v>445</v>
      </c>
      <c r="G6" s="580" t="s">
        <v>63</v>
      </c>
    </row>
    <row r="7" spans="1:7" s="84" customFormat="1">
      <c r="A7" s="548"/>
      <c r="B7" s="548" t="s">
        <v>204</v>
      </c>
      <c r="C7" s="656">
        <v>8741.746811555</v>
      </c>
      <c r="D7" s="551">
        <v>699.33974492440007</v>
      </c>
      <c r="F7" s="551">
        <v>9412.4505308125008</v>
      </c>
      <c r="G7" s="551">
        <v>752.99604246499996</v>
      </c>
    </row>
    <row r="8" spans="1:7" s="84" customFormat="1">
      <c r="A8" s="579">
        <v>1</v>
      </c>
      <c r="B8" s="548" t="s">
        <v>205</v>
      </c>
      <c r="C8" s="656">
        <v>7845.1407625000002</v>
      </c>
      <c r="D8" s="551">
        <v>627.61126100000001</v>
      </c>
      <c r="F8" s="551">
        <v>8583.2881875000003</v>
      </c>
      <c r="G8" s="551">
        <v>686.66305499999999</v>
      </c>
    </row>
    <row r="9" spans="1:7" s="84" customFormat="1">
      <c r="A9" s="579">
        <v>2</v>
      </c>
      <c r="B9" s="548" t="s">
        <v>206</v>
      </c>
      <c r="C9" s="656">
        <v>896.60604905499997</v>
      </c>
      <c r="D9" s="551">
        <v>71.728483924399995</v>
      </c>
      <c r="F9" s="551">
        <v>829.16234331249996</v>
      </c>
      <c r="G9" s="551">
        <v>66.332987465000002</v>
      </c>
    </row>
    <row r="10" spans="1:7" s="84" customFormat="1">
      <c r="A10" s="579">
        <v>3</v>
      </c>
      <c r="B10" s="548" t="s">
        <v>207</v>
      </c>
      <c r="C10" s="656"/>
      <c r="D10" s="551"/>
      <c r="F10" s="551"/>
      <c r="G10" s="551"/>
    </row>
    <row r="11" spans="1:7" s="84" customFormat="1">
      <c r="A11" s="579">
        <v>4</v>
      </c>
      <c r="B11" s="548" t="s">
        <v>208</v>
      </c>
      <c r="C11" s="657"/>
      <c r="D11" s="548"/>
      <c r="F11" s="548"/>
      <c r="G11" s="548"/>
    </row>
    <row r="12" spans="1:7" s="84" customFormat="1">
      <c r="A12" s="579"/>
      <c r="B12" s="548" t="s">
        <v>209</v>
      </c>
      <c r="C12" s="657"/>
      <c r="D12" s="548"/>
      <c r="F12" s="548"/>
      <c r="G12" s="548"/>
    </row>
    <row r="13" spans="1:7" s="84" customFormat="1">
      <c r="A13" s="579">
        <v>5</v>
      </c>
      <c r="B13" s="548" t="s">
        <v>210</v>
      </c>
      <c r="C13" s="657"/>
      <c r="D13" s="548"/>
      <c r="F13" s="548"/>
      <c r="G13" s="548"/>
    </row>
    <row r="14" spans="1:7" s="84" customFormat="1">
      <c r="A14" s="579">
        <v>6</v>
      </c>
      <c r="B14" s="548" t="s">
        <v>211</v>
      </c>
      <c r="C14" s="657"/>
      <c r="D14" s="548"/>
      <c r="F14" s="548"/>
      <c r="G14" s="548"/>
    </row>
    <row r="15" spans="1:7" s="84" customFormat="1">
      <c r="A15" s="579">
        <v>7</v>
      </c>
      <c r="B15" s="548" t="s">
        <v>212</v>
      </c>
      <c r="C15" s="657"/>
      <c r="D15" s="548"/>
      <c r="F15" s="548"/>
      <c r="G15" s="548"/>
    </row>
    <row r="16" spans="1:7" s="84" customFormat="1">
      <c r="A16" s="579">
        <v>8</v>
      </c>
      <c r="B16" s="552" t="s">
        <v>213</v>
      </c>
      <c r="C16" s="658"/>
      <c r="D16" s="552"/>
      <c r="F16" s="552"/>
      <c r="G16" s="552"/>
    </row>
    <row r="17" spans="1:7" s="84" customFormat="1">
      <c r="A17" s="582">
        <v>9</v>
      </c>
      <c r="B17" s="556" t="s">
        <v>203</v>
      </c>
      <c r="C17" s="581">
        <v>8741.746811555</v>
      </c>
      <c r="D17" s="581">
        <v>699.33974492440007</v>
      </c>
      <c r="F17" s="581">
        <v>9412.4505308125008</v>
      </c>
      <c r="G17" s="581">
        <v>752.99604246499996</v>
      </c>
    </row>
    <row r="18" spans="1:7" s="84" customFormat="1">
      <c r="A18" s="548"/>
      <c r="B18" s="548"/>
      <c r="F18" s="276"/>
      <c r="G18" s="276"/>
    </row>
    <row r="19" spans="1:7" s="84" customFormat="1">
      <c r="A19" s="548"/>
      <c r="B19" s="548"/>
      <c r="F19" s="307"/>
    </row>
    <row r="20" spans="1:7">
      <c r="A20" s="548"/>
      <c r="B20" s="548"/>
      <c r="C20" s="84"/>
      <c r="D20" s="84"/>
      <c r="F20" s="84"/>
      <c r="G20" s="84"/>
    </row>
    <row r="21" spans="1:7">
      <c r="A21" s="548"/>
      <c r="B21" s="548"/>
    </row>
    <row r="22" spans="1:7">
      <c r="A22" s="548"/>
      <c r="B22" s="548"/>
    </row>
  </sheetData>
  <mergeCells count="2">
    <mergeCell ref="C5:D5"/>
    <mergeCell ref="F5:G5"/>
  </mergeCells>
  <pageMargins left="0.70866141732283472" right="0.70866141732283472" top="0.74803149606299213" bottom="0.74803149606299213" header="0.31496062992125984" footer="0.31496062992125984"/>
  <pageSetup paperSize="9" scale="58" orientation="portrait"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500-000000000000}">
  <sheetPr codeName="Sheet54">
    <pageSetUpPr fitToPage="1"/>
  </sheetPr>
  <dimension ref="A1:G32"/>
  <sheetViews>
    <sheetView zoomScaleNormal="100" workbookViewId="0">
      <selection activeCell="B3" sqref="B3"/>
    </sheetView>
  </sheetViews>
  <sheetFormatPr defaultColWidth="9" defaultRowHeight="13"/>
  <cols>
    <col min="1" max="1" width="6.83203125" style="83" customWidth="1"/>
    <col min="2" max="2" width="48" style="83" customWidth="1"/>
    <col min="3" max="4" width="22.83203125" style="83" customWidth="1"/>
    <col min="5" max="5" width="3.25" style="84" customWidth="1"/>
    <col min="6" max="7" width="22.83203125" style="83" customWidth="1"/>
    <col min="8" max="250" width="9" style="83"/>
    <col min="251" max="251" width="7.58203125" style="83" customWidth="1"/>
    <col min="252" max="252" width="48" style="83" customWidth="1"/>
    <col min="253" max="254" width="22.83203125" style="83" customWidth="1"/>
    <col min="255" max="255" width="3.25" style="83" customWidth="1"/>
    <col min="256" max="257" width="22.83203125" style="83" customWidth="1"/>
    <col min="258" max="506" width="9" style="83"/>
    <col min="507" max="507" width="7.58203125" style="83" customWidth="1"/>
    <col min="508" max="508" width="48" style="83" customWidth="1"/>
    <col min="509" max="510" width="22.83203125" style="83" customWidth="1"/>
    <col min="511" max="511" width="3.25" style="83" customWidth="1"/>
    <col min="512" max="513" width="22.83203125" style="83" customWidth="1"/>
    <col min="514" max="762" width="9" style="83"/>
    <col min="763" max="763" width="7.58203125" style="83" customWidth="1"/>
    <col min="764" max="764" width="48" style="83" customWidth="1"/>
    <col min="765" max="766" width="22.83203125" style="83" customWidth="1"/>
    <col min="767" max="767" width="3.25" style="83" customWidth="1"/>
    <col min="768" max="769" width="22.83203125" style="83" customWidth="1"/>
    <col min="770" max="1018" width="9" style="83"/>
    <col min="1019" max="1019" width="7.58203125" style="83" customWidth="1"/>
    <col min="1020" max="1020" width="48" style="83" customWidth="1"/>
    <col min="1021" max="1022" width="22.83203125" style="83" customWidth="1"/>
    <col min="1023" max="1023" width="3.25" style="83" customWidth="1"/>
    <col min="1024" max="1025" width="22.83203125" style="83" customWidth="1"/>
    <col min="1026" max="1274" width="9" style="83"/>
    <col min="1275" max="1275" width="7.58203125" style="83" customWidth="1"/>
    <col min="1276" max="1276" width="48" style="83" customWidth="1"/>
    <col min="1277" max="1278" width="22.83203125" style="83" customWidth="1"/>
    <col min="1279" max="1279" width="3.25" style="83" customWidth="1"/>
    <col min="1280" max="1281" width="22.83203125" style="83" customWidth="1"/>
    <col min="1282" max="1530" width="9" style="83"/>
    <col min="1531" max="1531" width="7.58203125" style="83" customWidth="1"/>
    <col min="1532" max="1532" width="48" style="83" customWidth="1"/>
    <col min="1533" max="1534" width="22.83203125" style="83" customWidth="1"/>
    <col min="1535" max="1535" width="3.25" style="83" customWidth="1"/>
    <col min="1536" max="1537" width="22.83203125" style="83" customWidth="1"/>
    <col min="1538" max="1786" width="9" style="83"/>
    <col min="1787" max="1787" width="7.58203125" style="83" customWidth="1"/>
    <col min="1788" max="1788" width="48" style="83" customWidth="1"/>
    <col min="1789" max="1790" width="22.83203125" style="83" customWidth="1"/>
    <col min="1791" max="1791" width="3.25" style="83" customWidth="1"/>
    <col min="1792" max="1793" width="22.83203125" style="83" customWidth="1"/>
    <col min="1794" max="2042" width="9" style="83"/>
    <col min="2043" max="2043" width="7.58203125" style="83" customWidth="1"/>
    <col min="2044" max="2044" width="48" style="83" customWidth="1"/>
    <col min="2045" max="2046" width="22.83203125" style="83" customWidth="1"/>
    <col min="2047" max="2047" width="3.25" style="83" customWidth="1"/>
    <col min="2048" max="2049" width="22.83203125" style="83" customWidth="1"/>
    <col min="2050" max="2298" width="9" style="83"/>
    <col min="2299" max="2299" width="7.58203125" style="83" customWidth="1"/>
    <col min="2300" max="2300" width="48" style="83" customWidth="1"/>
    <col min="2301" max="2302" width="22.83203125" style="83" customWidth="1"/>
    <col min="2303" max="2303" width="3.25" style="83" customWidth="1"/>
    <col min="2304" max="2305" width="22.83203125" style="83" customWidth="1"/>
    <col min="2306" max="2554" width="9" style="83"/>
    <col min="2555" max="2555" width="7.58203125" style="83" customWidth="1"/>
    <col min="2556" max="2556" width="48" style="83" customWidth="1"/>
    <col min="2557" max="2558" width="22.83203125" style="83" customWidth="1"/>
    <col min="2559" max="2559" width="3.25" style="83" customWidth="1"/>
    <col min="2560" max="2561" width="22.83203125" style="83" customWidth="1"/>
    <col min="2562" max="2810" width="9" style="83"/>
    <col min="2811" max="2811" width="7.58203125" style="83" customWidth="1"/>
    <col min="2812" max="2812" width="48" style="83" customWidth="1"/>
    <col min="2813" max="2814" width="22.83203125" style="83" customWidth="1"/>
    <col min="2815" max="2815" width="3.25" style="83" customWidth="1"/>
    <col min="2816" max="2817" width="22.83203125" style="83" customWidth="1"/>
    <col min="2818" max="3066" width="9" style="83"/>
    <col min="3067" max="3067" width="7.58203125" style="83" customWidth="1"/>
    <col min="3068" max="3068" width="48" style="83" customWidth="1"/>
    <col min="3069" max="3070" width="22.83203125" style="83" customWidth="1"/>
    <col min="3071" max="3071" width="3.25" style="83" customWidth="1"/>
    <col min="3072" max="3073" width="22.83203125" style="83" customWidth="1"/>
    <col min="3074" max="3322" width="9" style="83"/>
    <col min="3323" max="3323" width="7.58203125" style="83" customWidth="1"/>
    <col min="3324" max="3324" width="48" style="83" customWidth="1"/>
    <col min="3325" max="3326" width="22.83203125" style="83" customWidth="1"/>
    <col min="3327" max="3327" width="3.25" style="83" customWidth="1"/>
    <col min="3328" max="3329" width="22.83203125" style="83" customWidth="1"/>
    <col min="3330" max="3578" width="9" style="83"/>
    <col min="3579" max="3579" width="7.58203125" style="83" customWidth="1"/>
    <col min="3580" max="3580" width="48" style="83" customWidth="1"/>
    <col min="3581" max="3582" width="22.83203125" style="83" customWidth="1"/>
    <col min="3583" max="3583" width="3.25" style="83" customWidth="1"/>
    <col min="3584" max="3585" width="22.83203125" style="83" customWidth="1"/>
    <col min="3586" max="3834" width="9" style="83"/>
    <col min="3835" max="3835" width="7.58203125" style="83" customWidth="1"/>
    <col min="3836" max="3836" width="48" style="83" customWidth="1"/>
    <col min="3837" max="3838" width="22.83203125" style="83" customWidth="1"/>
    <col min="3839" max="3839" width="3.25" style="83" customWidth="1"/>
    <col min="3840" max="3841" width="22.83203125" style="83" customWidth="1"/>
    <col min="3842" max="4090" width="9" style="83"/>
    <col min="4091" max="4091" width="7.58203125" style="83" customWidth="1"/>
    <col min="4092" max="4092" width="48" style="83" customWidth="1"/>
    <col min="4093" max="4094" width="22.83203125" style="83" customWidth="1"/>
    <col min="4095" max="4095" width="3.25" style="83" customWidth="1"/>
    <col min="4096" max="4097" width="22.83203125" style="83" customWidth="1"/>
    <col min="4098" max="4346" width="9" style="83"/>
    <col min="4347" max="4347" width="7.58203125" style="83" customWidth="1"/>
    <col min="4348" max="4348" width="48" style="83" customWidth="1"/>
    <col min="4349" max="4350" width="22.83203125" style="83" customWidth="1"/>
    <col min="4351" max="4351" width="3.25" style="83" customWidth="1"/>
    <col min="4352" max="4353" width="22.83203125" style="83" customWidth="1"/>
    <col min="4354" max="4602" width="9" style="83"/>
    <col min="4603" max="4603" width="7.58203125" style="83" customWidth="1"/>
    <col min="4604" max="4604" width="48" style="83" customWidth="1"/>
    <col min="4605" max="4606" width="22.83203125" style="83" customWidth="1"/>
    <col min="4607" max="4607" width="3.25" style="83" customWidth="1"/>
    <col min="4608" max="4609" width="22.83203125" style="83" customWidth="1"/>
    <col min="4610" max="4858" width="9" style="83"/>
    <col min="4859" max="4859" width="7.58203125" style="83" customWidth="1"/>
    <col min="4860" max="4860" width="48" style="83" customWidth="1"/>
    <col min="4861" max="4862" width="22.83203125" style="83" customWidth="1"/>
    <col min="4863" max="4863" width="3.25" style="83" customWidth="1"/>
    <col min="4864" max="4865" width="22.83203125" style="83" customWidth="1"/>
    <col min="4866" max="5114" width="9" style="83"/>
    <col min="5115" max="5115" width="7.58203125" style="83" customWidth="1"/>
    <col min="5116" max="5116" width="48" style="83" customWidth="1"/>
    <col min="5117" max="5118" width="22.83203125" style="83" customWidth="1"/>
    <col min="5119" max="5119" width="3.25" style="83" customWidth="1"/>
    <col min="5120" max="5121" width="22.83203125" style="83" customWidth="1"/>
    <col min="5122" max="5370" width="9" style="83"/>
    <col min="5371" max="5371" width="7.58203125" style="83" customWidth="1"/>
    <col min="5372" max="5372" width="48" style="83" customWidth="1"/>
    <col min="5373" max="5374" width="22.83203125" style="83" customWidth="1"/>
    <col min="5375" max="5375" width="3.25" style="83" customWidth="1"/>
    <col min="5376" max="5377" width="22.83203125" style="83" customWidth="1"/>
    <col min="5378" max="5626" width="9" style="83"/>
    <col min="5627" max="5627" width="7.58203125" style="83" customWidth="1"/>
    <col min="5628" max="5628" width="48" style="83" customWidth="1"/>
    <col min="5629" max="5630" width="22.83203125" style="83" customWidth="1"/>
    <col min="5631" max="5631" width="3.25" style="83" customWidth="1"/>
    <col min="5632" max="5633" width="22.83203125" style="83" customWidth="1"/>
    <col min="5634" max="5882" width="9" style="83"/>
    <col min="5883" max="5883" width="7.58203125" style="83" customWidth="1"/>
    <col min="5884" max="5884" width="48" style="83" customWidth="1"/>
    <col min="5885" max="5886" width="22.83203125" style="83" customWidth="1"/>
    <col min="5887" max="5887" width="3.25" style="83" customWidth="1"/>
    <col min="5888" max="5889" width="22.83203125" style="83" customWidth="1"/>
    <col min="5890" max="6138" width="9" style="83"/>
    <col min="6139" max="6139" width="7.58203125" style="83" customWidth="1"/>
    <col min="6140" max="6140" width="48" style="83" customWidth="1"/>
    <col min="6141" max="6142" width="22.83203125" style="83" customWidth="1"/>
    <col min="6143" max="6143" width="3.25" style="83" customWidth="1"/>
    <col min="6144" max="6145" width="22.83203125" style="83" customWidth="1"/>
    <col min="6146" max="6394" width="9" style="83"/>
    <col min="6395" max="6395" width="7.58203125" style="83" customWidth="1"/>
    <col min="6396" max="6396" width="48" style="83" customWidth="1"/>
    <col min="6397" max="6398" width="22.83203125" style="83" customWidth="1"/>
    <col min="6399" max="6399" width="3.25" style="83" customWidth="1"/>
    <col min="6400" max="6401" width="22.83203125" style="83" customWidth="1"/>
    <col min="6402" max="6650" width="9" style="83"/>
    <col min="6651" max="6651" width="7.58203125" style="83" customWidth="1"/>
    <col min="6652" max="6652" width="48" style="83" customWidth="1"/>
    <col min="6653" max="6654" width="22.83203125" style="83" customWidth="1"/>
    <col min="6655" max="6655" width="3.25" style="83" customWidth="1"/>
    <col min="6656" max="6657" width="22.83203125" style="83" customWidth="1"/>
    <col min="6658" max="6906" width="9" style="83"/>
    <col min="6907" max="6907" width="7.58203125" style="83" customWidth="1"/>
    <col min="6908" max="6908" width="48" style="83" customWidth="1"/>
    <col min="6909" max="6910" width="22.83203125" style="83" customWidth="1"/>
    <col min="6911" max="6911" width="3.25" style="83" customWidth="1"/>
    <col min="6912" max="6913" width="22.83203125" style="83" customWidth="1"/>
    <col min="6914" max="7162" width="9" style="83"/>
    <col min="7163" max="7163" width="7.58203125" style="83" customWidth="1"/>
    <col min="7164" max="7164" width="48" style="83" customWidth="1"/>
    <col min="7165" max="7166" width="22.83203125" style="83" customWidth="1"/>
    <col min="7167" max="7167" width="3.25" style="83" customWidth="1"/>
    <col min="7168" max="7169" width="22.83203125" style="83" customWidth="1"/>
    <col min="7170" max="7418" width="9" style="83"/>
    <col min="7419" max="7419" width="7.58203125" style="83" customWidth="1"/>
    <col min="7420" max="7420" width="48" style="83" customWidth="1"/>
    <col min="7421" max="7422" width="22.83203125" style="83" customWidth="1"/>
    <col min="7423" max="7423" width="3.25" style="83" customWidth="1"/>
    <col min="7424" max="7425" width="22.83203125" style="83" customWidth="1"/>
    <col min="7426" max="7674" width="9" style="83"/>
    <col min="7675" max="7675" width="7.58203125" style="83" customWidth="1"/>
    <col min="7676" max="7676" width="48" style="83" customWidth="1"/>
    <col min="7677" max="7678" width="22.83203125" style="83" customWidth="1"/>
    <col min="7679" max="7679" width="3.25" style="83" customWidth="1"/>
    <col min="7680" max="7681" width="22.83203125" style="83" customWidth="1"/>
    <col min="7682" max="7930" width="9" style="83"/>
    <col min="7931" max="7931" width="7.58203125" style="83" customWidth="1"/>
    <col min="7932" max="7932" width="48" style="83" customWidth="1"/>
    <col min="7933" max="7934" width="22.83203125" style="83" customWidth="1"/>
    <col min="7935" max="7935" width="3.25" style="83" customWidth="1"/>
    <col min="7936" max="7937" width="22.83203125" style="83" customWidth="1"/>
    <col min="7938" max="8186" width="9" style="83"/>
    <col min="8187" max="8187" width="7.58203125" style="83" customWidth="1"/>
    <col min="8188" max="8188" width="48" style="83" customWidth="1"/>
    <col min="8189" max="8190" width="22.83203125" style="83" customWidth="1"/>
    <col min="8191" max="8191" width="3.25" style="83" customWidth="1"/>
    <col min="8192" max="8193" width="22.83203125" style="83" customWidth="1"/>
    <col min="8194" max="8442" width="9" style="83"/>
    <col min="8443" max="8443" width="7.58203125" style="83" customWidth="1"/>
    <col min="8444" max="8444" width="48" style="83" customWidth="1"/>
    <col min="8445" max="8446" width="22.83203125" style="83" customWidth="1"/>
    <col min="8447" max="8447" width="3.25" style="83" customWidth="1"/>
    <col min="8448" max="8449" width="22.83203125" style="83" customWidth="1"/>
    <col min="8450" max="8698" width="9" style="83"/>
    <col min="8699" max="8699" width="7.58203125" style="83" customWidth="1"/>
    <col min="8700" max="8700" width="48" style="83" customWidth="1"/>
    <col min="8701" max="8702" width="22.83203125" style="83" customWidth="1"/>
    <col min="8703" max="8703" width="3.25" style="83" customWidth="1"/>
    <col min="8704" max="8705" width="22.83203125" style="83" customWidth="1"/>
    <col min="8706" max="8954" width="9" style="83"/>
    <col min="8955" max="8955" width="7.58203125" style="83" customWidth="1"/>
    <col min="8956" max="8956" width="48" style="83" customWidth="1"/>
    <col min="8957" max="8958" width="22.83203125" style="83" customWidth="1"/>
    <col min="8959" max="8959" width="3.25" style="83" customWidth="1"/>
    <col min="8960" max="8961" width="22.83203125" style="83" customWidth="1"/>
    <col min="8962" max="9210" width="9" style="83"/>
    <col min="9211" max="9211" width="7.58203125" style="83" customWidth="1"/>
    <col min="9212" max="9212" width="48" style="83" customWidth="1"/>
    <col min="9213" max="9214" width="22.83203125" style="83" customWidth="1"/>
    <col min="9215" max="9215" width="3.25" style="83" customWidth="1"/>
    <col min="9216" max="9217" width="22.83203125" style="83" customWidth="1"/>
    <col min="9218" max="9466" width="9" style="83"/>
    <col min="9467" max="9467" width="7.58203125" style="83" customWidth="1"/>
    <col min="9468" max="9468" width="48" style="83" customWidth="1"/>
    <col min="9469" max="9470" width="22.83203125" style="83" customWidth="1"/>
    <col min="9471" max="9471" width="3.25" style="83" customWidth="1"/>
    <col min="9472" max="9473" width="22.83203125" style="83" customWidth="1"/>
    <col min="9474" max="9722" width="9" style="83"/>
    <col min="9723" max="9723" width="7.58203125" style="83" customWidth="1"/>
    <col min="9724" max="9724" width="48" style="83" customWidth="1"/>
    <col min="9725" max="9726" width="22.83203125" style="83" customWidth="1"/>
    <col min="9727" max="9727" width="3.25" style="83" customWidth="1"/>
    <col min="9728" max="9729" width="22.83203125" style="83" customWidth="1"/>
    <col min="9730" max="9978" width="9" style="83"/>
    <col min="9979" max="9979" width="7.58203125" style="83" customWidth="1"/>
    <col min="9980" max="9980" width="48" style="83" customWidth="1"/>
    <col min="9981" max="9982" width="22.83203125" style="83" customWidth="1"/>
    <col min="9983" max="9983" width="3.25" style="83" customWidth="1"/>
    <col min="9984" max="9985" width="22.83203125" style="83" customWidth="1"/>
    <col min="9986" max="10234" width="9" style="83"/>
    <col min="10235" max="10235" width="7.58203125" style="83" customWidth="1"/>
    <col min="10236" max="10236" width="48" style="83" customWidth="1"/>
    <col min="10237" max="10238" width="22.83203125" style="83" customWidth="1"/>
    <col min="10239" max="10239" width="3.25" style="83" customWidth="1"/>
    <col min="10240" max="10241" width="22.83203125" style="83" customWidth="1"/>
    <col min="10242" max="10490" width="9" style="83"/>
    <col min="10491" max="10491" width="7.58203125" style="83" customWidth="1"/>
    <col min="10492" max="10492" width="48" style="83" customWidth="1"/>
    <col min="10493" max="10494" width="22.83203125" style="83" customWidth="1"/>
    <col min="10495" max="10495" width="3.25" style="83" customWidth="1"/>
    <col min="10496" max="10497" width="22.83203125" style="83" customWidth="1"/>
    <col min="10498" max="10746" width="9" style="83"/>
    <col min="10747" max="10747" width="7.58203125" style="83" customWidth="1"/>
    <col min="10748" max="10748" width="48" style="83" customWidth="1"/>
    <col min="10749" max="10750" width="22.83203125" style="83" customWidth="1"/>
    <col min="10751" max="10751" width="3.25" style="83" customWidth="1"/>
    <col min="10752" max="10753" width="22.83203125" style="83" customWidth="1"/>
    <col min="10754" max="11002" width="9" style="83"/>
    <col min="11003" max="11003" width="7.58203125" style="83" customWidth="1"/>
    <col min="11004" max="11004" width="48" style="83" customWidth="1"/>
    <col min="11005" max="11006" width="22.83203125" style="83" customWidth="1"/>
    <col min="11007" max="11007" width="3.25" style="83" customWidth="1"/>
    <col min="11008" max="11009" width="22.83203125" style="83" customWidth="1"/>
    <col min="11010" max="11258" width="9" style="83"/>
    <col min="11259" max="11259" width="7.58203125" style="83" customWidth="1"/>
    <col min="11260" max="11260" width="48" style="83" customWidth="1"/>
    <col min="11261" max="11262" width="22.83203125" style="83" customWidth="1"/>
    <col min="11263" max="11263" width="3.25" style="83" customWidth="1"/>
    <col min="11264" max="11265" width="22.83203125" style="83" customWidth="1"/>
    <col min="11266" max="11514" width="9" style="83"/>
    <col min="11515" max="11515" width="7.58203125" style="83" customWidth="1"/>
    <col min="11516" max="11516" width="48" style="83" customWidth="1"/>
    <col min="11517" max="11518" width="22.83203125" style="83" customWidth="1"/>
    <col min="11519" max="11519" width="3.25" style="83" customWidth="1"/>
    <col min="11520" max="11521" width="22.83203125" style="83" customWidth="1"/>
    <col min="11522" max="11770" width="9" style="83"/>
    <col min="11771" max="11771" width="7.58203125" style="83" customWidth="1"/>
    <col min="11772" max="11772" width="48" style="83" customWidth="1"/>
    <col min="11773" max="11774" width="22.83203125" style="83" customWidth="1"/>
    <col min="11775" max="11775" width="3.25" style="83" customWidth="1"/>
    <col min="11776" max="11777" width="22.83203125" style="83" customWidth="1"/>
    <col min="11778" max="12026" width="9" style="83"/>
    <col min="12027" max="12027" width="7.58203125" style="83" customWidth="1"/>
    <col min="12028" max="12028" width="48" style="83" customWidth="1"/>
    <col min="12029" max="12030" width="22.83203125" style="83" customWidth="1"/>
    <col min="12031" max="12031" width="3.25" style="83" customWidth="1"/>
    <col min="12032" max="12033" width="22.83203125" style="83" customWidth="1"/>
    <col min="12034" max="12282" width="9" style="83"/>
    <col min="12283" max="12283" width="7.58203125" style="83" customWidth="1"/>
    <col min="12284" max="12284" width="48" style="83" customWidth="1"/>
    <col min="12285" max="12286" width="22.83203125" style="83" customWidth="1"/>
    <col min="12287" max="12287" width="3.25" style="83" customWidth="1"/>
    <col min="12288" max="12289" width="22.83203125" style="83" customWidth="1"/>
    <col min="12290" max="12538" width="9" style="83"/>
    <col min="12539" max="12539" width="7.58203125" style="83" customWidth="1"/>
    <col min="12540" max="12540" width="48" style="83" customWidth="1"/>
    <col min="12541" max="12542" width="22.83203125" style="83" customWidth="1"/>
    <col min="12543" max="12543" width="3.25" style="83" customWidth="1"/>
    <col min="12544" max="12545" width="22.83203125" style="83" customWidth="1"/>
    <col min="12546" max="12794" width="9" style="83"/>
    <col min="12795" max="12795" width="7.58203125" style="83" customWidth="1"/>
    <col min="12796" max="12796" width="48" style="83" customWidth="1"/>
    <col min="12797" max="12798" width="22.83203125" style="83" customWidth="1"/>
    <col min="12799" max="12799" width="3.25" style="83" customWidth="1"/>
    <col min="12800" max="12801" width="22.83203125" style="83" customWidth="1"/>
    <col min="12802" max="13050" width="9" style="83"/>
    <col min="13051" max="13051" width="7.58203125" style="83" customWidth="1"/>
    <col min="13052" max="13052" width="48" style="83" customWidth="1"/>
    <col min="13053" max="13054" width="22.83203125" style="83" customWidth="1"/>
    <col min="13055" max="13055" width="3.25" style="83" customWidth="1"/>
    <col min="13056" max="13057" width="22.83203125" style="83" customWidth="1"/>
    <col min="13058" max="13306" width="9" style="83"/>
    <col min="13307" max="13307" width="7.58203125" style="83" customWidth="1"/>
    <col min="13308" max="13308" width="48" style="83" customWidth="1"/>
    <col min="13309" max="13310" width="22.83203125" style="83" customWidth="1"/>
    <col min="13311" max="13311" width="3.25" style="83" customWidth="1"/>
    <col min="13312" max="13313" width="22.83203125" style="83" customWidth="1"/>
    <col min="13314" max="13562" width="9" style="83"/>
    <col min="13563" max="13563" width="7.58203125" style="83" customWidth="1"/>
    <col min="13564" max="13564" width="48" style="83" customWidth="1"/>
    <col min="13565" max="13566" width="22.83203125" style="83" customWidth="1"/>
    <col min="13567" max="13567" width="3.25" style="83" customWidth="1"/>
    <col min="13568" max="13569" width="22.83203125" style="83" customWidth="1"/>
    <col min="13570" max="13818" width="9" style="83"/>
    <col min="13819" max="13819" width="7.58203125" style="83" customWidth="1"/>
    <col min="13820" max="13820" width="48" style="83" customWidth="1"/>
    <col min="13821" max="13822" width="22.83203125" style="83" customWidth="1"/>
    <col min="13823" max="13823" width="3.25" style="83" customWidth="1"/>
    <col min="13824" max="13825" width="22.83203125" style="83" customWidth="1"/>
    <col min="13826" max="14074" width="9" style="83"/>
    <col min="14075" max="14075" width="7.58203125" style="83" customWidth="1"/>
    <col min="14076" max="14076" width="48" style="83" customWidth="1"/>
    <col min="14077" max="14078" width="22.83203125" style="83" customWidth="1"/>
    <col min="14079" max="14079" width="3.25" style="83" customWidth="1"/>
    <col min="14080" max="14081" width="22.83203125" style="83" customWidth="1"/>
    <col min="14082" max="14330" width="9" style="83"/>
    <col min="14331" max="14331" width="7.58203125" style="83" customWidth="1"/>
    <col min="14332" max="14332" width="48" style="83" customWidth="1"/>
    <col min="14333" max="14334" width="22.83203125" style="83" customWidth="1"/>
    <col min="14335" max="14335" width="3.25" style="83" customWidth="1"/>
    <col min="14336" max="14337" width="22.83203125" style="83" customWidth="1"/>
    <col min="14338" max="14586" width="9" style="83"/>
    <col min="14587" max="14587" width="7.58203125" style="83" customWidth="1"/>
    <col min="14588" max="14588" width="48" style="83" customWidth="1"/>
    <col min="14589" max="14590" width="22.83203125" style="83" customWidth="1"/>
    <col min="14591" max="14591" width="3.25" style="83" customWidth="1"/>
    <col min="14592" max="14593" width="22.83203125" style="83" customWidth="1"/>
    <col min="14594" max="14842" width="9" style="83"/>
    <col min="14843" max="14843" width="7.58203125" style="83" customWidth="1"/>
    <col min="14844" max="14844" width="48" style="83" customWidth="1"/>
    <col min="14845" max="14846" width="22.83203125" style="83" customWidth="1"/>
    <col min="14847" max="14847" width="3.25" style="83" customWidth="1"/>
    <col min="14848" max="14849" width="22.83203125" style="83" customWidth="1"/>
    <col min="14850" max="15098" width="9" style="83"/>
    <col min="15099" max="15099" width="7.58203125" style="83" customWidth="1"/>
    <col min="15100" max="15100" width="48" style="83" customWidth="1"/>
    <col min="15101" max="15102" width="22.83203125" style="83" customWidth="1"/>
    <col min="15103" max="15103" width="3.25" style="83" customWidth="1"/>
    <col min="15104" max="15105" width="22.83203125" style="83" customWidth="1"/>
    <col min="15106" max="15354" width="9" style="83"/>
    <col min="15355" max="15355" width="7.58203125" style="83" customWidth="1"/>
    <col min="15356" max="15356" width="48" style="83" customWidth="1"/>
    <col min="15357" max="15358" width="22.83203125" style="83" customWidth="1"/>
    <col min="15359" max="15359" width="3.25" style="83" customWidth="1"/>
    <col min="15360" max="15361" width="22.83203125" style="83" customWidth="1"/>
    <col min="15362" max="15610" width="9" style="83"/>
    <col min="15611" max="15611" width="7.58203125" style="83" customWidth="1"/>
    <col min="15612" max="15612" width="48" style="83" customWidth="1"/>
    <col min="15613" max="15614" width="22.83203125" style="83" customWidth="1"/>
    <col min="15615" max="15615" width="3.25" style="83" customWidth="1"/>
    <col min="15616" max="15617" width="22.83203125" style="83" customWidth="1"/>
    <col min="15618" max="15866" width="9" style="83"/>
    <col min="15867" max="15867" width="7.58203125" style="83" customWidth="1"/>
    <col min="15868" max="15868" width="48" style="83" customWidth="1"/>
    <col min="15869" max="15870" width="22.83203125" style="83" customWidth="1"/>
    <col min="15871" max="15871" width="3.25" style="83" customWidth="1"/>
    <col min="15872" max="15873" width="22.83203125" style="83" customWidth="1"/>
    <col min="15874" max="16122" width="9" style="83"/>
    <col min="16123" max="16123" width="7.58203125" style="83" customWidth="1"/>
    <col min="16124" max="16124" width="48" style="83" customWidth="1"/>
    <col min="16125" max="16126" width="22.83203125" style="83" customWidth="1"/>
    <col min="16127" max="16127" width="3.25" style="83" customWidth="1"/>
    <col min="16128" max="16129" width="22.83203125" style="83" customWidth="1"/>
    <col min="16130" max="16384" width="9" style="83"/>
  </cols>
  <sheetData>
    <row r="1" spans="1:7" s="84" customFormat="1">
      <c r="A1" s="652" t="s">
        <v>685</v>
      </c>
      <c r="B1" s="652"/>
      <c r="C1" s="6"/>
    </row>
    <row r="2" spans="1:7" s="84" customFormat="1" ht="12.75" customHeight="1">
      <c r="D2" s="269"/>
    </row>
    <row r="3" spans="1:7" s="84" customFormat="1">
      <c r="A3" s="36"/>
      <c r="B3" s="36" t="s">
        <v>227</v>
      </c>
    </row>
    <row r="4" spans="1:7">
      <c r="A4" s="556"/>
      <c r="B4" s="548"/>
      <c r="C4" s="579" t="s">
        <v>1</v>
      </c>
      <c r="D4" s="579" t="s">
        <v>2</v>
      </c>
      <c r="E4" s="548"/>
      <c r="F4" s="579" t="s">
        <v>1</v>
      </c>
      <c r="G4" s="579" t="s">
        <v>2</v>
      </c>
    </row>
    <row r="5" spans="1:7">
      <c r="A5" s="548"/>
      <c r="B5" s="584"/>
      <c r="C5" s="958" t="s">
        <v>689</v>
      </c>
      <c r="D5" s="957"/>
      <c r="E5" s="548"/>
      <c r="F5" s="958" t="s">
        <v>687</v>
      </c>
      <c r="G5" s="957"/>
    </row>
    <row r="6" spans="1:7">
      <c r="A6" s="548"/>
      <c r="B6" s="585" t="s">
        <v>12</v>
      </c>
      <c r="C6" s="583" t="s">
        <v>445</v>
      </c>
      <c r="D6" s="583" t="s">
        <v>63</v>
      </c>
      <c r="E6" s="548"/>
      <c r="F6" s="583" t="s">
        <v>445</v>
      </c>
      <c r="G6" s="583" t="s">
        <v>63</v>
      </c>
    </row>
    <row r="7" spans="1:7">
      <c r="A7" s="582">
        <v>1</v>
      </c>
      <c r="B7" s="556" t="s">
        <v>134</v>
      </c>
      <c r="C7" s="659">
        <v>8634.4827855500007</v>
      </c>
      <c r="D7" s="659">
        <v>690.75862284400012</v>
      </c>
      <c r="E7" s="548"/>
      <c r="F7" s="581">
        <v>11794.787968825</v>
      </c>
      <c r="G7" s="581">
        <v>943.58303750599998</v>
      </c>
    </row>
    <row r="8" spans="1:7">
      <c r="A8" s="579" t="s">
        <v>426</v>
      </c>
      <c r="B8" s="548" t="s">
        <v>214</v>
      </c>
      <c r="C8" s="656">
        <v>2724.6124999999997</v>
      </c>
      <c r="D8" s="656">
        <v>217.96899999999999</v>
      </c>
      <c r="E8" s="548"/>
      <c r="F8" s="551">
        <v>2245.75</v>
      </c>
      <c r="G8" s="551">
        <v>179.66</v>
      </c>
    </row>
    <row r="9" spans="1:7" s="84" customFormat="1" ht="39">
      <c r="A9" s="579" t="s">
        <v>427</v>
      </c>
      <c r="B9" s="561" t="s">
        <v>215</v>
      </c>
      <c r="C9" s="656">
        <v>8634.4827855500007</v>
      </c>
      <c r="D9" s="656">
        <v>690.75862284400012</v>
      </c>
      <c r="E9" s="548"/>
      <c r="F9" s="551">
        <v>11794.787968825</v>
      </c>
      <c r="G9" s="551">
        <v>943.58303750599998</v>
      </c>
    </row>
    <row r="10" spans="1:7" s="84" customFormat="1">
      <c r="A10" s="579"/>
      <c r="B10" s="561"/>
      <c r="C10" s="656"/>
      <c r="D10" s="656"/>
      <c r="E10" s="548"/>
      <c r="F10" s="551"/>
      <c r="G10" s="551"/>
    </row>
    <row r="11" spans="1:7" s="84" customFormat="1">
      <c r="A11" s="582">
        <v>2</v>
      </c>
      <c r="B11" s="556" t="s">
        <v>135</v>
      </c>
      <c r="C11" s="659">
        <v>19453.470603525002</v>
      </c>
      <c r="D11" s="659">
        <v>1556.2776482820002</v>
      </c>
      <c r="E11" s="548"/>
      <c r="F11" s="581">
        <v>16601.456935537499</v>
      </c>
      <c r="G11" s="581">
        <v>1328.1165548429999</v>
      </c>
    </row>
    <row r="12" spans="1:7" s="84" customFormat="1">
      <c r="A12" s="579" t="s">
        <v>426</v>
      </c>
      <c r="B12" s="548" t="s">
        <v>216</v>
      </c>
      <c r="C12" s="656">
        <v>5303.7750000000005</v>
      </c>
      <c r="D12" s="656">
        <v>424.30200000000008</v>
      </c>
      <c r="E12" s="548"/>
      <c r="F12" s="551">
        <v>4278.4250000000002</v>
      </c>
      <c r="G12" s="551">
        <v>342.274</v>
      </c>
    </row>
    <row r="13" spans="1:7" s="84" customFormat="1" ht="39">
      <c r="A13" s="579" t="s">
        <v>427</v>
      </c>
      <c r="B13" s="561" t="s">
        <v>457</v>
      </c>
      <c r="C13" s="656">
        <v>19453.470603525002</v>
      </c>
      <c r="D13" s="656">
        <v>1556.2776482820002</v>
      </c>
      <c r="E13" s="548"/>
      <c r="F13" s="551">
        <v>16601.456935537499</v>
      </c>
      <c r="G13" s="551">
        <v>1328.1165548429999</v>
      </c>
    </row>
    <row r="14" spans="1:7" s="84" customFormat="1">
      <c r="A14" s="579"/>
      <c r="B14" s="561"/>
      <c r="C14" s="656"/>
      <c r="D14" s="656"/>
      <c r="E14" s="548"/>
      <c r="F14" s="551"/>
      <c r="G14" s="551"/>
    </row>
    <row r="15" spans="1:7" s="84" customFormat="1">
      <c r="A15" s="582">
        <v>5</v>
      </c>
      <c r="B15" s="586" t="s">
        <v>109</v>
      </c>
      <c r="C15" s="660"/>
      <c r="D15" s="660"/>
      <c r="E15" s="548"/>
      <c r="F15" s="553"/>
      <c r="G15" s="553"/>
    </row>
    <row r="16" spans="1:7" s="84" customFormat="1">
      <c r="A16" s="582">
        <v>6</v>
      </c>
      <c r="B16" s="565" t="s">
        <v>203</v>
      </c>
      <c r="C16" s="659">
        <v>28087.953389075003</v>
      </c>
      <c r="D16" s="659">
        <v>2247.0362711260004</v>
      </c>
      <c r="E16" s="548"/>
      <c r="F16" s="581">
        <v>28396.244904362498</v>
      </c>
      <c r="G16" s="581">
        <v>2271.6995923489999</v>
      </c>
    </row>
    <row r="17" spans="1:7">
      <c r="A17" s="582"/>
      <c r="B17" s="565"/>
      <c r="C17" s="565"/>
      <c r="D17" s="565"/>
      <c r="E17" s="548"/>
      <c r="F17" s="84"/>
      <c r="G17" s="84"/>
    </row>
    <row r="18" spans="1:7">
      <c r="A18" s="582"/>
      <c r="B18" s="565"/>
      <c r="C18" s="565"/>
      <c r="D18" s="565"/>
      <c r="E18" s="548"/>
      <c r="F18" s="307"/>
      <c r="G18" s="84"/>
    </row>
    <row r="19" spans="1:7">
      <c r="A19" s="582"/>
      <c r="B19" s="565"/>
      <c r="C19" s="565"/>
      <c r="D19" s="565"/>
      <c r="E19" s="548"/>
      <c r="F19" s="84"/>
      <c r="G19" s="84"/>
    </row>
    <row r="20" spans="1:7">
      <c r="A20" s="582"/>
      <c r="B20" s="565"/>
      <c r="C20" s="565"/>
      <c r="D20" s="565"/>
      <c r="E20" s="548"/>
    </row>
    <row r="21" spans="1:7">
      <c r="A21" s="582"/>
      <c r="B21" s="565"/>
      <c r="C21" s="565"/>
      <c r="D21" s="565"/>
      <c r="E21" s="548"/>
    </row>
    <row r="22" spans="1:7">
      <c r="A22" s="548"/>
      <c r="B22" s="565"/>
      <c r="C22" s="565"/>
      <c r="D22" s="565"/>
      <c r="E22" s="548"/>
    </row>
    <row r="23" spans="1:7">
      <c r="A23" s="548"/>
      <c r="B23" s="565"/>
      <c r="C23" s="565"/>
      <c r="D23" s="565"/>
      <c r="E23" s="548"/>
    </row>
    <row r="24" spans="1:7">
      <c r="B24" s="565"/>
      <c r="C24" s="565"/>
      <c r="D24" s="565"/>
    </row>
    <row r="25" spans="1:7">
      <c r="B25" s="565"/>
      <c r="C25" s="565"/>
      <c r="D25" s="565"/>
    </row>
    <row r="26" spans="1:7">
      <c r="B26" s="565"/>
      <c r="C26" s="565"/>
      <c r="D26" s="565"/>
    </row>
    <row r="27" spans="1:7">
      <c r="B27" s="565"/>
      <c r="C27" s="565"/>
      <c r="D27" s="565"/>
    </row>
    <row r="28" spans="1:7">
      <c r="B28" s="565"/>
      <c r="C28" s="565"/>
      <c r="D28" s="565"/>
    </row>
    <row r="29" spans="1:7">
      <c r="B29" s="565"/>
      <c r="C29" s="565"/>
      <c r="D29" s="565"/>
    </row>
    <row r="30" spans="1:7">
      <c r="B30" s="565"/>
      <c r="C30" s="565"/>
      <c r="D30" s="565"/>
    </row>
    <row r="31" spans="1:7">
      <c r="B31" s="565"/>
      <c r="C31" s="565"/>
      <c r="D31" s="565"/>
    </row>
    <row r="32" spans="1:7">
      <c r="B32" s="565"/>
      <c r="C32" s="565"/>
      <c r="D32" s="565"/>
    </row>
  </sheetData>
  <mergeCells count="2">
    <mergeCell ref="C5:D5"/>
    <mergeCell ref="F5:G5"/>
  </mergeCells>
  <pageMargins left="0.70866141732283472" right="0.70866141732283472" top="0.74803149606299213" bottom="0.74803149606299213" header="0.31496062992125984" footer="0.31496062992125984"/>
  <pageSetup paperSize="9" scale="54"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6">
    <pageSetUpPr fitToPage="1"/>
  </sheetPr>
  <dimension ref="A1:I53"/>
  <sheetViews>
    <sheetView zoomScaleNormal="100" workbookViewId="0">
      <selection activeCell="B3" sqref="B3"/>
    </sheetView>
  </sheetViews>
  <sheetFormatPr defaultColWidth="9" defaultRowHeight="12.75" customHeight="1"/>
  <cols>
    <col min="1" max="1" width="6.75" style="222" customWidth="1"/>
    <col min="2" max="2" width="43" style="222" customWidth="1"/>
    <col min="3" max="4" width="15.75" style="222" customWidth="1"/>
    <col min="5" max="5" width="17.83203125" style="222" customWidth="1"/>
    <col min="6" max="7" width="20.75" style="222" customWidth="1"/>
    <col min="8" max="8" width="18.75" style="224" customWidth="1"/>
    <col min="9" max="9" width="15.75" style="224" customWidth="1"/>
    <col min="10" max="16384" width="9" style="222"/>
  </cols>
  <sheetData>
    <row r="1" spans="1:9" s="224" customFormat="1" ht="12.75" customHeight="1">
      <c r="A1" s="652" t="s">
        <v>685</v>
      </c>
      <c r="B1" s="652"/>
      <c r="C1" s="6"/>
    </row>
    <row r="2" spans="1:9" ht="12.75" customHeight="1">
      <c r="B2" s="224"/>
      <c r="H2" s="269"/>
      <c r="I2" s="269"/>
    </row>
    <row r="3" spans="1:9" ht="12.75" customHeight="1">
      <c r="B3" s="226" t="s">
        <v>476</v>
      </c>
      <c r="H3" s="269"/>
      <c r="I3" s="270"/>
    </row>
    <row r="4" spans="1:9" s="224" customFormat="1" ht="12.75" customHeight="1">
      <c r="A4" s="246"/>
      <c r="B4" s="226"/>
      <c r="H4" s="293"/>
      <c r="I4" s="293"/>
    </row>
    <row r="5" spans="1:9" ht="12.75" customHeight="1">
      <c r="B5" s="224"/>
      <c r="C5" s="232" t="s">
        <v>1</v>
      </c>
      <c r="D5" s="232" t="s">
        <v>2</v>
      </c>
      <c r="E5" s="232" t="s">
        <v>3</v>
      </c>
      <c r="F5" s="232" t="s">
        <v>9</v>
      </c>
      <c r="G5" s="232" t="s">
        <v>10</v>
      </c>
      <c r="H5" s="232" t="s">
        <v>11</v>
      </c>
      <c r="I5" s="232" t="s">
        <v>418</v>
      </c>
    </row>
    <row r="6" spans="1:9" ht="12.75" customHeight="1">
      <c r="A6" s="223"/>
      <c r="B6" s="787" t="s">
        <v>693</v>
      </c>
      <c r="C6" s="786" t="s">
        <v>99</v>
      </c>
      <c r="D6" s="786"/>
      <c r="E6" s="786" t="s">
        <v>97</v>
      </c>
      <c r="F6" s="786" t="s">
        <v>96</v>
      </c>
      <c r="G6" s="786" t="s">
        <v>124</v>
      </c>
      <c r="H6" s="788" t="s">
        <v>98</v>
      </c>
      <c r="I6" s="786" t="s">
        <v>424</v>
      </c>
    </row>
    <row r="7" spans="1:9" ht="12.75" customHeight="1">
      <c r="A7" s="279"/>
      <c r="B7" s="783"/>
      <c r="C7" s="781" t="s">
        <v>14</v>
      </c>
      <c r="D7" s="791" t="s">
        <v>15</v>
      </c>
      <c r="E7" s="781"/>
      <c r="F7" s="781"/>
      <c r="G7" s="781"/>
      <c r="H7" s="791"/>
      <c r="I7" s="781"/>
    </row>
    <row r="8" spans="1:9" ht="12.75" customHeight="1">
      <c r="A8" s="226"/>
      <c r="B8" s="790"/>
      <c r="C8" s="782"/>
      <c r="D8" s="789"/>
      <c r="E8" s="782"/>
      <c r="F8" s="782"/>
      <c r="G8" s="782"/>
      <c r="H8" s="789"/>
      <c r="I8" s="782"/>
    </row>
    <row r="9" spans="1:9" s="224" customFormat="1" ht="12.75" customHeight="1">
      <c r="B9" s="225" t="s">
        <v>74</v>
      </c>
      <c r="C9" s="197">
        <v>6.3174999999999995E-2</v>
      </c>
      <c r="D9" s="236">
        <v>452877.29235900001</v>
      </c>
      <c r="E9" s="236">
        <v>1.5228740000000001</v>
      </c>
      <c r="F9" s="236"/>
      <c r="G9" s="236"/>
      <c r="H9" s="236">
        <v>-2.7783259900000004</v>
      </c>
      <c r="I9" s="237">
        <v>452875.83266000001</v>
      </c>
    </row>
    <row r="10" spans="1:9" s="224" customFormat="1" ht="12.75" customHeight="1">
      <c r="B10" s="225" t="s">
        <v>64</v>
      </c>
      <c r="C10" s="236">
        <v>447.31645600000002</v>
      </c>
      <c r="D10" s="236">
        <v>199197.772489</v>
      </c>
      <c r="E10" s="236">
        <v>247.45593</v>
      </c>
      <c r="F10" s="236"/>
      <c r="G10" s="236"/>
      <c r="H10" s="236">
        <v>98.377127370000025</v>
      </c>
      <c r="I10" s="237">
        <v>199397.633015</v>
      </c>
    </row>
    <row r="11" spans="1:9" s="224" customFormat="1" ht="12" customHeight="1">
      <c r="B11" s="225" t="s">
        <v>21</v>
      </c>
      <c r="C11" s="236">
        <v>12735.705265000001</v>
      </c>
      <c r="D11" s="236">
        <v>1440321.7330750001</v>
      </c>
      <c r="E11" s="236">
        <v>7810.6877399999994</v>
      </c>
      <c r="F11" s="236"/>
      <c r="G11" s="236">
        <v>182.397245</v>
      </c>
      <c r="H11" s="236">
        <v>1807.8869996153694</v>
      </c>
      <c r="I11" s="237">
        <v>1445246.7506000001</v>
      </c>
    </row>
    <row r="12" spans="1:9" s="245" customFormat="1" ht="12.75" customHeight="1">
      <c r="B12" s="241" t="s">
        <v>435</v>
      </c>
      <c r="C12" s="242">
        <v>9672.8962360000005</v>
      </c>
      <c r="D12" s="252">
        <v>1115759.773358</v>
      </c>
      <c r="E12" s="252">
        <v>5411.605184</v>
      </c>
      <c r="F12" s="242"/>
      <c r="G12" s="242">
        <v>4.3304799999999997</v>
      </c>
      <c r="H12" s="242">
        <v>1122.0492772753685</v>
      </c>
      <c r="I12" s="305">
        <v>1120021.0644100001</v>
      </c>
    </row>
    <row r="13" spans="1:9" s="245" customFormat="1" ht="12.75" customHeight="1">
      <c r="B13" s="241" t="s">
        <v>76</v>
      </c>
      <c r="C13" s="242">
        <v>2670.0635090000001</v>
      </c>
      <c r="D13" s="242">
        <v>284193.05862700002</v>
      </c>
      <c r="E13" s="242">
        <v>2177.2020950000001</v>
      </c>
      <c r="F13" s="242"/>
      <c r="G13" s="242">
        <v>19.182549000000002</v>
      </c>
      <c r="H13" s="242">
        <v>684.62896598000088</v>
      </c>
      <c r="I13" s="305">
        <v>284685.920041</v>
      </c>
    </row>
    <row r="14" spans="1:9" s="245" customFormat="1" ht="12.75" customHeight="1">
      <c r="B14" s="241" t="s">
        <v>75</v>
      </c>
      <c r="C14" s="242">
        <v>392.74552</v>
      </c>
      <c r="D14" s="242">
        <v>40368.901089999999</v>
      </c>
      <c r="E14" s="242">
        <v>221.880461</v>
      </c>
      <c r="F14" s="242"/>
      <c r="G14" s="242">
        <v>158.88421600000001</v>
      </c>
      <c r="H14" s="242">
        <v>1.2087563599999749</v>
      </c>
      <c r="I14" s="305">
        <v>40539.766148999995</v>
      </c>
    </row>
    <row r="15" spans="1:9" s="224" customFormat="1" ht="12.75" customHeight="1">
      <c r="B15" s="225" t="s">
        <v>417</v>
      </c>
      <c r="C15" s="236">
        <v>2355.9054059999999</v>
      </c>
      <c r="D15" s="236">
        <v>710876.56377200002</v>
      </c>
      <c r="E15" s="236">
        <v>1940.7072269999999</v>
      </c>
      <c r="F15" s="236"/>
      <c r="G15" s="236">
        <v>17.020011</v>
      </c>
      <c r="H15" s="236">
        <v>-82.519088039988844</v>
      </c>
      <c r="I15" s="237">
        <v>711291.76195100008</v>
      </c>
    </row>
    <row r="16" spans="1:9" s="245" customFormat="1" ht="12.75" customHeight="1">
      <c r="B16" s="241" t="s">
        <v>432</v>
      </c>
      <c r="C16" s="242">
        <v>1088.778695</v>
      </c>
      <c r="D16" s="242">
        <v>632839.21967400005</v>
      </c>
      <c r="E16" s="242">
        <v>596.77307499999995</v>
      </c>
      <c r="F16" s="242"/>
      <c r="G16" s="242"/>
      <c r="H16" s="242">
        <v>-2.8169984999966018</v>
      </c>
      <c r="I16" s="305">
        <v>633331.225294</v>
      </c>
    </row>
    <row r="17" spans="1:9" s="245" customFormat="1" ht="12.75" customHeight="1">
      <c r="B17" s="241" t="s">
        <v>433</v>
      </c>
      <c r="C17" s="242">
        <v>175.07250400000001</v>
      </c>
      <c r="D17" s="242">
        <v>11645.586762999999</v>
      </c>
      <c r="E17" s="242">
        <v>238.968749</v>
      </c>
      <c r="F17" s="242"/>
      <c r="G17" s="242">
        <v>13.846598999999999</v>
      </c>
      <c r="H17" s="242">
        <v>9.4084297900000422</v>
      </c>
      <c r="I17" s="305">
        <v>11581.690517999999</v>
      </c>
    </row>
    <row r="18" spans="1:9" s="245" customFormat="1" ht="12.75" customHeight="1">
      <c r="B18" s="243" t="s">
        <v>434</v>
      </c>
      <c r="C18" s="268">
        <v>1092.0542069999999</v>
      </c>
      <c r="D18" s="268">
        <v>66391.757335000002</v>
      </c>
      <c r="E18" s="268">
        <v>1104.9654029999999</v>
      </c>
      <c r="F18" s="268"/>
      <c r="G18" s="268">
        <v>3.1734119999999999</v>
      </c>
      <c r="H18" s="268">
        <v>-89.110519329992286</v>
      </c>
      <c r="I18" s="306">
        <v>66378.846139000001</v>
      </c>
    </row>
    <row r="19" spans="1:9" s="226" customFormat="1" ht="12.75" customHeight="1">
      <c r="B19" s="234" t="s">
        <v>77</v>
      </c>
      <c r="C19" s="237">
        <v>15538.990302</v>
      </c>
      <c r="D19" s="237">
        <v>2803273.361695</v>
      </c>
      <c r="E19" s="237">
        <v>10000.373770999999</v>
      </c>
      <c r="F19" s="237"/>
      <c r="G19" s="237">
        <v>199.41725600000001</v>
      </c>
      <c r="H19" s="237">
        <v>1820.9667129553804</v>
      </c>
      <c r="I19" s="237">
        <v>2808811.978226</v>
      </c>
    </row>
    <row r="20" spans="1:9" s="224" customFormat="1" ht="12.75" customHeight="1">
      <c r="B20" s="225" t="s">
        <v>74</v>
      </c>
      <c r="C20" s="236"/>
      <c r="D20" s="236">
        <v>4309.1502620000001</v>
      </c>
      <c r="E20" s="236">
        <v>1.84E-4</v>
      </c>
      <c r="F20" s="236"/>
      <c r="G20" s="236"/>
      <c r="H20" s="236">
        <v>-8.0050329999999753E-2</v>
      </c>
      <c r="I20" s="237">
        <v>4309.1500779999997</v>
      </c>
    </row>
    <row r="21" spans="1:9" s="224" customFormat="1" ht="12.75" customHeight="1">
      <c r="B21" s="225" t="s">
        <v>21</v>
      </c>
      <c r="C21" s="236">
        <v>5.217689</v>
      </c>
      <c r="D21" s="236">
        <v>8347.9868040000001</v>
      </c>
      <c r="E21" s="236">
        <v>57.682605000000002</v>
      </c>
      <c r="F21" s="236"/>
      <c r="G21" s="236"/>
      <c r="H21" s="236">
        <v>19.847922379999986</v>
      </c>
      <c r="I21" s="237">
        <v>8295.5218879999993</v>
      </c>
    </row>
    <row r="22" spans="1:9" s="224" customFormat="1" ht="12.75" customHeight="1">
      <c r="B22" s="225" t="s">
        <v>65</v>
      </c>
      <c r="C22" s="236">
        <v>38.039158999999998</v>
      </c>
      <c r="D22" s="236">
        <v>24883.054790999999</v>
      </c>
      <c r="E22" s="236">
        <v>99.419410999999997</v>
      </c>
      <c r="F22" s="236"/>
      <c r="G22" s="236"/>
      <c r="H22" s="236">
        <v>21.571961230000063</v>
      </c>
      <c r="I22" s="237">
        <v>24821.674539</v>
      </c>
    </row>
    <row r="23" spans="1:9" s="224" customFormat="1" ht="12.75" customHeight="1">
      <c r="B23" s="235" t="s">
        <v>79</v>
      </c>
      <c r="C23" s="238">
        <v>0.26385999999999998</v>
      </c>
      <c r="D23" s="216">
        <v>25676.525736</v>
      </c>
      <c r="E23" s="238">
        <v>6.8932919999999998</v>
      </c>
      <c r="F23" s="238"/>
      <c r="G23" s="238"/>
      <c r="H23" s="238">
        <v>1.96726614</v>
      </c>
      <c r="I23" s="218">
        <v>25669.896303999998</v>
      </c>
    </row>
    <row r="24" spans="1:9" s="224" customFormat="1" ht="12.75" customHeight="1">
      <c r="B24" s="239" t="s">
        <v>80</v>
      </c>
      <c r="C24" s="240">
        <v>43.520707999999999</v>
      </c>
      <c r="D24" s="240">
        <v>63216.717592999994</v>
      </c>
      <c r="E24" s="240">
        <v>163.99549199999998</v>
      </c>
      <c r="F24" s="240"/>
      <c r="G24" s="240"/>
      <c r="H24" s="240">
        <v>43.30709942000005</v>
      </c>
      <c r="I24" s="240">
        <v>63096.242808999988</v>
      </c>
    </row>
    <row r="25" spans="1:9" s="224" customFormat="1" ht="12.75" customHeight="1">
      <c r="B25" s="234" t="s">
        <v>13</v>
      </c>
      <c r="C25" s="249">
        <v>15582.51101</v>
      </c>
      <c r="D25" s="249">
        <v>2866490.0792879998</v>
      </c>
      <c r="E25" s="249">
        <v>10164.369262999999</v>
      </c>
      <c r="F25" s="249"/>
      <c r="G25" s="237">
        <v>199.41725600000001</v>
      </c>
      <c r="H25" s="237">
        <v>1863.97773079538</v>
      </c>
      <c r="I25" s="237">
        <v>2871908.2210349999</v>
      </c>
    </row>
    <row r="26" spans="1:9" s="224" customFormat="1" ht="12.75" customHeight="1">
      <c r="A26" s="390"/>
      <c r="B26" s="225" t="s">
        <v>95</v>
      </c>
      <c r="C26" s="236">
        <v>14773.091441</v>
      </c>
      <c r="D26" s="236">
        <v>1942062.691139</v>
      </c>
      <c r="E26" s="236">
        <v>9511.9804352681822</v>
      </c>
      <c r="F26" s="236"/>
      <c r="G26" s="236">
        <v>199</v>
      </c>
      <c r="H26" s="236">
        <v>2082.3666641653217</v>
      </c>
      <c r="I26" s="249">
        <v>1947323.8021447319</v>
      </c>
    </row>
    <row r="27" spans="1:9" s="224" customFormat="1" ht="12.75" customHeight="1">
      <c r="A27" s="390"/>
      <c r="B27" s="225" t="s">
        <v>125</v>
      </c>
      <c r="C27" s="236"/>
      <c r="D27" s="236">
        <v>131380.14823799999</v>
      </c>
      <c r="E27" s="236"/>
      <c r="F27" s="236"/>
      <c r="G27" s="236"/>
      <c r="H27" s="236"/>
      <c r="I27" s="249">
        <v>131380.14823799999</v>
      </c>
    </row>
    <row r="28" spans="1:9" s="224" customFormat="1" ht="12.75" customHeight="1">
      <c r="A28" s="390"/>
      <c r="B28" s="225" t="s">
        <v>126</v>
      </c>
      <c r="C28" s="236">
        <v>807.08143399999994</v>
      </c>
      <c r="D28" s="236">
        <v>768279.51036700001</v>
      </c>
      <c r="E28" s="236">
        <v>653</v>
      </c>
      <c r="F28" s="236"/>
      <c r="G28" s="236"/>
      <c r="H28" s="236">
        <v>-218.38893336994147</v>
      </c>
      <c r="I28" s="249">
        <v>768433.59180100006</v>
      </c>
    </row>
    <row r="29" spans="1:9" s="224" customFormat="1" ht="12.75" customHeight="1">
      <c r="A29" s="232"/>
      <c r="C29" s="248"/>
      <c r="D29" s="248"/>
      <c r="E29" s="248"/>
      <c r="F29" s="248"/>
      <c r="G29" s="248"/>
      <c r="H29" s="248"/>
      <c r="I29" s="248"/>
    </row>
    <row r="30" spans="1:9" ht="12.75" customHeight="1">
      <c r="B30" s="224"/>
      <c r="C30" s="232" t="s">
        <v>1</v>
      </c>
      <c r="D30" s="232" t="s">
        <v>2</v>
      </c>
      <c r="E30" s="232" t="s">
        <v>3</v>
      </c>
      <c r="F30" s="232" t="s">
        <v>9</v>
      </c>
      <c r="G30" s="232" t="s">
        <v>10</v>
      </c>
      <c r="H30" s="232" t="s">
        <v>11</v>
      </c>
      <c r="I30" s="232" t="s">
        <v>418</v>
      </c>
    </row>
    <row r="31" spans="1:9" ht="12.75" customHeight="1">
      <c r="A31" s="223"/>
      <c r="B31" s="787" t="s">
        <v>694</v>
      </c>
      <c r="C31" s="786" t="s">
        <v>99</v>
      </c>
      <c r="D31" s="786"/>
      <c r="E31" s="786" t="s">
        <v>97</v>
      </c>
      <c r="F31" s="786" t="s">
        <v>96</v>
      </c>
      <c r="G31" s="786" t="s">
        <v>124</v>
      </c>
      <c r="H31" s="788" t="s">
        <v>98</v>
      </c>
      <c r="I31" s="786" t="s">
        <v>424</v>
      </c>
    </row>
    <row r="32" spans="1:9" ht="12.75" customHeight="1">
      <c r="A32" s="226"/>
      <c r="B32" s="783"/>
      <c r="C32" s="781" t="s">
        <v>14</v>
      </c>
      <c r="D32" s="791" t="s">
        <v>15</v>
      </c>
      <c r="E32" s="781"/>
      <c r="F32" s="781"/>
      <c r="G32" s="781"/>
      <c r="H32" s="791"/>
      <c r="I32" s="781"/>
    </row>
    <row r="33" spans="1:9" ht="12.75" customHeight="1">
      <c r="A33" s="226"/>
      <c r="B33" s="790"/>
      <c r="C33" s="782"/>
      <c r="D33" s="789"/>
      <c r="E33" s="782"/>
      <c r="F33" s="782"/>
      <c r="G33" s="782"/>
      <c r="H33" s="789"/>
      <c r="I33" s="782"/>
    </row>
    <row r="34" spans="1:9" s="224" customFormat="1" ht="12.75" customHeight="1">
      <c r="A34" s="232"/>
      <c r="B34" s="225" t="s">
        <v>74</v>
      </c>
      <c r="C34" s="734">
        <v>47.175960000000003</v>
      </c>
      <c r="D34" s="734">
        <v>557058.12587500003</v>
      </c>
      <c r="E34" s="734">
        <v>4.8020230000000002</v>
      </c>
      <c r="F34" s="734"/>
      <c r="G34" s="734"/>
      <c r="H34" s="734">
        <v>2.6696187900000004</v>
      </c>
      <c r="I34" s="736">
        <v>557100.49981200008</v>
      </c>
    </row>
    <row r="35" spans="1:9" s="224" customFormat="1" ht="12.75" customHeight="1">
      <c r="A35" s="232"/>
      <c r="B35" s="225" t="s">
        <v>64</v>
      </c>
      <c r="C35" s="734">
        <v>490.73210499999999</v>
      </c>
      <c r="D35" s="734">
        <v>202446.25035300001</v>
      </c>
      <c r="E35" s="734">
        <v>159.80223599999999</v>
      </c>
      <c r="F35" s="734"/>
      <c r="G35" s="734"/>
      <c r="H35" s="734">
        <v>76.546518629999994</v>
      </c>
      <c r="I35" s="736">
        <v>202777.18022200002</v>
      </c>
    </row>
    <row r="36" spans="1:9" s="224" customFormat="1" ht="12" customHeight="1">
      <c r="A36" s="232"/>
      <c r="B36" s="225" t="s">
        <v>21</v>
      </c>
      <c r="C36" s="734">
        <v>13143.888289999999</v>
      </c>
      <c r="D36" s="734">
        <v>1455708.0762120001</v>
      </c>
      <c r="E36" s="734">
        <v>7910.8904350000003</v>
      </c>
      <c r="F36" s="734"/>
      <c r="G36" s="734">
        <v>189.76450600000001</v>
      </c>
      <c r="H36" s="734">
        <v>3623.6272071094459</v>
      </c>
      <c r="I36" s="736">
        <v>1460941.0740670001</v>
      </c>
    </row>
    <row r="37" spans="1:9" s="245" customFormat="1" ht="12.75" customHeight="1">
      <c r="A37" s="244"/>
      <c r="B37" s="241" t="s">
        <v>435</v>
      </c>
      <c r="C37" s="753">
        <v>8570.7271390000005</v>
      </c>
      <c r="D37" s="753">
        <v>1131928.552526</v>
      </c>
      <c r="E37" s="753">
        <v>5331.4820460000001</v>
      </c>
      <c r="F37" s="753"/>
      <c r="G37" s="753">
        <v>4.4407350000000001</v>
      </c>
      <c r="H37" s="753">
        <v>2761.5155474594476</v>
      </c>
      <c r="I37" s="759">
        <v>1135167.7976190001</v>
      </c>
    </row>
    <row r="38" spans="1:9" s="245" customFormat="1" ht="12.75" customHeight="1">
      <c r="A38" s="244"/>
      <c r="B38" s="241" t="s">
        <v>76</v>
      </c>
      <c r="C38" s="753">
        <v>4051.4325279999998</v>
      </c>
      <c r="D38" s="753">
        <v>284990.22007699998</v>
      </c>
      <c r="E38" s="753">
        <v>2244.3510500000002</v>
      </c>
      <c r="F38" s="753"/>
      <c r="G38" s="753">
        <v>19.948922</v>
      </c>
      <c r="H38" s="753">
        <v>787.02208228999837</v>
      </c>
      <c r="I38" s="759">
        <v>286797.30155499995</v>
      </c>
    </row>
    <row r="39" spans="1:9" s="245" customFormat="1" ht="12.75" customHeight="1">
      <c r="A39" s="244"/>
      <c r="B39" s="241" t="s">
        <v>75</v>
      </c>
      <c r="C39" s="753">
        <v>521.72862299999997</v>
      </c>
      <c r="D39" s="753">
        <v>38789.303609000002</v>
      </c>
      <c r="E39" s="753">
        <v>335.05733900000001</v>
      </c>
      <c r="F39" s="753"/>
      <c r="G39" s="753">
        <v>165.37484900000001</v>
      </c>
      <c r="H39" s="753">
        <v>75.089577360000021</v>
      </c>
      <c r="I39" s="759">
        <v>38975.974893000006</v>
      </c>
    </row>
    <row r="40" spans="1:9" s="224" customFormat="1" ht="12.75" customHeight="1">
      <c r="A40" s="232"/>
      <c r="B40" s="225" t="s">
        <v>417</v>
      </c>
      <c r="C40" s="734">
        <v>2617.1559880000004</v>
      </c>
      <c r="D40" s="734">
        <v>699040.232693</v>
      </c>
      <c r="E40" s="734">
        <v>2139.8570170000003</v>
      </c>
      <c r="F40" s="734"/>
      <c r="G40" s="734">
        <v>20.068764000000002</v>
      </c>
      <c r="H40" s="734">
        <v>282.00074208999325</v>
      </c>
      <c r="I40" s="736">
        <v>699517.53166400001</v>
      </c>
    </row>
    <row r="41" spans="1:9" s="245" customFormat="1" ht="12.75" customHeight="1">
      <c r="A41" s="244"/>
      <c r="B41" s="241" t="s">
        <v>432</v>
      </c>
      <c r="C41" s="753">
        <v>1235.440456</v>
      </c>
      <c r="D41" s="753">
        <v>618816.14685699996</v>
      </c>
      <c r="E41" s="753">
        <v>638.39425900000003</v>
      </c>
      <c r="F41" s="753"/>
      <c r="G41" s="753"/>
      <c r="H41" s="753">
        <v>69.567607540000537</v>
      </c>
      <c r="I41" s="759">
        <v>619413.19305400003</v>
      </c>
    </row>
    <row r="42" spans="1:9" s="245" customFormat="1" ht="12.75" customHeight="1">
      <c r="A42" s="244"/>
      <c r="B42" s="241" t="s">
        <v>433</v>
      </c>
      <c r="C42" s="753">
        <v>230.58507800000001</v>
      </c>
      <c r="D42" s="753">
        <v>11473.493383999999</v>
      </c>
      <c r="E42" s="753">
        <v>248.12445500000001</v>
      </c>
      <c r="F42" s="753"/>
      <c r="G42" s="753">
        <v>13.227651</v>
      </c>
      <c r="H42" s="753">
        <v>51.980614680000031</v>
      </c>
      <c r="I42" s="759">
        <v>11455.954007</v>
      </c>
    </row>
    <row r="43" spans="1:9" s="245" customFormat="1" ht="12.75" customHeight="1">
      <c r="A43" s="244"/>
      <c r="B43" s="243" t="s">
        <v>434</v>
      </c>
      <c r="C43" s="735">
        <v>1151.1304540000001</v>
      </c>
      <c r="D43" s="735">
        <v>68750.592451999997</v>
      </c>
      <c r="E43" s="735">
        <v>1253.338303</v>
      </c>
      <c r="F43" s="735"/>
      <c r="G43" s="735">
        <v>6.841113</v>
      </c>
      <c r="H43" s="735">
        <v>160.45251986999261</v>
      </c>
      <c r="I43" s="760">
        <v>68648.384602999999</v>
      </c>
    </row>
    <row r="44" spans="1:9" s="226" customFormat="1" ht="12.75" customHeight="1">
      <c r="A44" s="231"/>
      <c r="B44" s="234" t="s">
        <v>77</v>
      </c>
      <c r="C44" s="736">
        <v>16298.952342999999</v>
      </c>
      <c r="D44" s="736">
        <v>2914252.6851329999</v>
      </c>
      <c r="E44" s="736">
        <v>10215.351710999999</v>
      </c>
      <c r="F44" s="736"/>
      <c r="G44" s="736">
        <v>209.83327000000003</v>
      </c>
      <c r="H44" s="736">
        <v>3984.8440866194392</v>
      </c>
      <c r="I44" s="736">
        <v>2920336.2857650002</v>
      </c>
    </row>
    <row r="45" spans="1:9" s="224" customFormat="1" ht="12.75" customHeight="1">
      <c r="A45" s="232"/>
      <c r="B45" s="225" t="s">
        <v>74</v>
      </c>
      <c r="C45" s="734"/>
      <c r="D45" s="734">
        <v>3558.9908869999999</v>
      </c>
      <c r="E45" s="734"/>
      <c r="F45" s="734"/>
      <c r="G45" s="734"/>
      <c r="H45" s="734">
        <v>7.0044719999999838E-2</v>
      </c>
      <c r="I45" s="736">
        <v>3558.9908869999999</v>
      </c>
    </row>
    <row r="46" spans="1:9" s="224" customFormat="1" ht="12.75" customHeight="1">
      <c r="A46" s="232"/>
      <c r="B46" s="225" t="s">
        <v>21</v>
      </c>
      <c r="C46" s="734">
        <v>21.541416999999999</v>
      </c>
      <c r="D46" s="734">
        <v>8539.4686459999994</v>
      </c>
      <c r="E46" s="734">
        <v>28.687033</v>
      </c>
      <c r="F46" s="734"/>
      <c r="G46" s="734"/>
      <c r="H46" s="734">
        <v>30.89832624000001</v>
      </c>
      <c r="I46" s="736">
        <v>8532.3230299999996</v>
      </c>
    </row>
    <row r="47" spans="1:9" s="224" customFormat="1" ht="12.75" customHeight="1">
      <c r="A47" s="232"/>
      <c r="B47" s="225" t="s">
        <v>65</v>
      </c>
      <c r="C47" s="734">
        <v>44.721080999999998</v>
      </c>
      <c r="D47" s="734">
        <v>24558.22985</v>
      </c>
      <c r="E47" s="734">
        <v>119.154588</v>
      </c>
      <c r="F47" s="734"/>
      <c r="G47" s="734">
        <v>1.086498</v>
      </c>
      <c r="H47" s="734">
        <v>31.313067639999975</v>
      </c>
      <c r="I47" s="736">
        <v>24483.796342999998</v>
      </c>
    </row>
    <row r="48" spans="1:9" s="224" customFormat="1" ht="12.75" customHeight="1">
      <c r="A48" s="232"/>
      <c r="B48" s="235" t="s">
        <v>79</v>
      </c>
      <c r="C48" s="737">
        <v>0.54114499999999999</v>
      </c>
      <c r="D48" s="737">
        <v>23480.752259000001</v>
      </c>
      <c r="E48" s="737">
        <v>7.1596700000000002</v>
      </c>
      <c r="F48" s="737"/>
      <c r="G48" s="737"/>
      <c r="H48" s="737">
        <v>0.56094400999999994</v>
      </c>
      <c r="I48" s="761">
        <v>23474.133733999999</v>
      </c>
    </row>
    <row r="49" spans="1:9" s="224" customFormat="1" ht="12.75" customHeight="1">
      <c r="A49" s="231"/>
      <c r="B49" s="239" t="s">
        <v>80</v>
      </c>
      <c r="C49" s="738">
        <v>66.803642999999994</v>
      </c>
      <c r="D49" s="738">
        <v>60137.441641999998</v>
      </c>
      <c r="E49" s="738">
        <v>155.00129100000001</v>
      </c>
      <c r="F49" s="738"/>
      <c r="G49" s="738">
        <v>1.086498</v>
      </c>
      <c r="H49" s="738">
        <v>62.842382609999987</v>
      </c>
      <c r="I49" s="738">
        <v>60049.243993999997</v>
      </c>
    </row>
    <row r="50" spans="1:9" s="224" customFormat="1" ht="12.75" customHeight="1">
      <c r="A50" s="231"/>
      <c r="B50" s="234" t="s">
        <v>13</v>
      </c>
      <c r="C50" s="736">
        <v>16365.755985999998</v>
      </c>
      <c r="D50" s="736">
        <v>2974390.1267749998</v>
      </c>
      <c r="E50" s="736">
        <v>10370.353002</v>
      </c>
      <c r="F50" s="736"/>
      <c r="G50" s="736">
        <v>210.91976800000003</v>
      </c>
      <c r="H50" s="736">
        <v>4047.2730567194399</v>
      </c>
      <c r="I50" s="736">
        <v>2980385.5297589996</v>
      </c>
    </row>
    <row r="51" spans="1:9" s="224" customFormat="1" ht="12.75" customHeight="1">
      <c r="A51" s="232"/>
      <c r="B51" s="225" t="s">
        <v>95</v>
      </c>
      <c r="C51" s="734">
        <v>15476.603238</v>
      </c>
      <c r="D51" s="734">
        <v>1967091.3440060001</v>
      </c>
      <c r="E51" s="734">
        <v>9476.6077860000005</v>
      </c>
      <c r="F51" s="734"/>
      <c r="G51" s="734">
        <v>210.919769</v>
      </c>
      <c r="H51" s="734">
        <v>3580.7844897794726</v>
      </c>
      <c r="I51" s="736">
        <v>1973091.3394580001</v>
      </c>
    </row>
    <row r="52" spans="1:9" s="224" customFormat="1" ht="12.75" customHeight="1">
      <c r="A52" s="232"/>
      <c r="B52" s="225" t="s">
        <v>125</v>
      </c>
      <c r="C52" s="734"/>
      <c r="D52" s="734">
        <v>230473.779094</v>
      </c>
      <c r="E52" s="734"/>
      <c r="F52" s="734"/>
      <c r="G52" s="734"/>
      <c r="H52" s="734"/>
      <c r="I52" s="736">
        <v>230473.779094</v>
      </c>
    </row>
    <row r="53" spans="1:9" s="224" customFormat="1" ht="12.75" customHeight="1">
      <c r="A53" s="232"/>
      <c r="B53" s="225" t="s">
        <v>126</v>
      </c>
      <c r="C53" s="734">
        <v>886.73628900000006</v>
      </c>
      <c r="D53" s="734">
        <v>754979.88596800005</v>
      </c>
      <c r="E53" s="734">
        <v>893</v>
      </c>
      <c r="F53" s="734"/>
      <c r="G53" s="734"/>
      <c r="H53" s="734">
        <v>466.48856693996714</v>
      </c>
      <c r="I53" s="736">
        <v>754973.62225700007</v>
      </c>
    </row>
  </sheetData>
  <mergeCells count="18">
    <mergeCell ref="H31:H33"/>
    <mergeCell ref="I31:I33"/>
    <mergeCell ref="C32:C33"/>
    <mergeCell ref="D32:D33"/>
    <mergeCell ref="B31:B33"/>
    <mergeCell ref="C31:D31"/>
    <mergeCell ref="E31:E33"/>
    <mergeCell ref="F31:F33"/>
    <mergeCell ref="G31:G33"/>
    <mergeCell ref="H6:H8"/>
    <mergeCell ref="I6:I8"/>
    <mergeCell ref="C7:C8"/>
    <mergeCell ref="D7:D8"/>
    <mergeCell ref="B6:B8"/>
    <mergeCell ref="C6:D6"/>
    <mergeCell ref="E6:E8"/>
    <mergeCell ref="F6:F8"/>
    <mergeCell ref="G6:G8"/>
  </mergeCells>
  <pageMargins left="0.70866141732283472" right="0.70866141732283472" top="0.74803149606299213" bottom="0.74803149606299213" header="0.31496062992125984" footer="0.31496062992125984"/>
  <pageSetup paperSize="9" scale="70" orientation="landscape" r:id="rId1"/>
</worksheet>
</file>

<file path=xl/worksheets/sheet3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7BDB1E4-F054-457F-8A7B-54CD1E0D7ECC}">
  <sheetPr>
    <pageSetUpPr fitToPage="1"/>
  </sheetPr>
  <dimension ref="A1:M25"/>
  <sheetViews>
    <sheetView zoomScaleNormal="100" workbookViewId="0">
      <selection activeCell="B3" sqref="B3"/>
    </sheetView>
  </sheetViews>
  <sheetFormatPr defaultColWidth="7.83203125" defaultRowHeight="13"/>
  <cols>
    <col min="1" max="1" width="6.83203125" style="132" customWidth="1"/>
    <col min="2" max="2" width="37.58203125" style="131" customWidth="1"/>
    <col min="3" max="5" width="12.75" style="131" customWidth="1"/>
    <col min="6" max="6" width="13.75" style="132" customWidth="1"/>
    <col min="7" max="7" width="30.33203125" style="132" customWidth="1"/>
    <col min="8" max="8" width="11.5" style="132" customWidth="1"/>
    <col min="9" max="10" width="11.5" style="131" customWidth="1"/>
    <col min="11" max="12" width="11.5" style="132" customWidth="1"/>
    <col min="13" max="13" width="12.75" style="131" customWidth="1"/>
    <col min="14" max="14" width="12.75" style="132" customWidth="1"/>
    <col min="15" max="15" width="13" style="132" customWidth="1"/>
    <col min="16" max="255" width="7.83203125" style="132"/>
    <col min="256" max="256" width="7.58203125" style="132" customWidth="1"/>
    <col min="257" max="257" width="20.5" style="132" customWidth="1"/>
    <col min="258" max="259" width="12.75" style="132" customWidth="1"/>
    <col min="260" max="260" width="15.75" style="132" customWidth="1"/>
    <col min="261" max="261" width="12.75" style="132" customWidth="1"/>
    <col min="262" max="262" width="13.75" style="132" customWidth="1"/>
    <col min="263" max="263" width="30.33203125" style="132" customWidth="1"/>
    <col min="264" max="268" width="11.5" style="132" customWidth="1"/>
    <col min="269" max="270" width="12.75" style="132" customWidth="1"/>
    <col min="271" max="271" width="13" style="132" customWidth="1"/>
    <col min="272" max="511" width="7.83203125" style="132"/>
    <col min="512" max="512" width="7.58203125" style="132" customWidth="1"/>
    <col min="513" max="513" width="20.5" style="132" customWidth="1"/>
    <col min="514" max="515" width="12.75" style="132" customWidth="1"/>
    <col min="516" max="516" width="15.75" style="132" customWidth="1"/>
    <col min="517" max="517" width="12.75" style="132" customWidth="1"/>
    <col min="518" max="518" width="13.75" style="132" customWidth="1"/>
    <col min="519" max="519" width="30.33203125" style="132" customWidth="1"/>
    <col min="520" max="524" width="11.5" style="132" customWidth="1"/>
    <col min="525" max="526" width="12.75" style="132" customWidth="1"/>
    <col min="527" max="527" width="13" style="132" customWidth="1"/>
    <col min="528" max="767" width="7.83203125" style="132"/>
    <col min="768" max="768" width="7.58203125" style="132" customWidth="1"/>
    <col min="769" max="769" width="20.5" style="132" customWidth="1"/>
    <col min="770" max="771" width="12.75" style="132" customWidth="1"/>
    <col min="772" max="772" width="15.75" style="132" customWidth="1"/>
    <col min="773" max="773" width="12.75" style="132" customWidth="1"/>
    <col min="774" max="774" width="13.75" style="132" customWidth="1"/>
    <col min="775" max="775" width="30.33203125" style="132" customWidth="1"/>
    <col min="776" max="780" width="11.5" style="132" customWidth="1"/>
    <col min="781" max="782" width="12.75" style="132" customWidth="1"/>
    <col min="783" max="783" width="13" style="132" customWidth="1"/>
    <col min="784" max="1023" width="7.83203125" style="132"/>
    <col min="1024" max="1024" width="7.58203125" style="132" customWidth="1"/>
    <col min="1025" max="1025" width="20.5" style="132" customWidth="1"/>
    <col min="1026" max="1027" width="12.75" style="132" customWidth="1"/>
    <col min="1028" max="1028" width="15.75" style="132" customWidth="1"/>
    <col min="1029" max="1029" width="12.75" style="132" customWidth="1"/>
    <col min="1030" max="1030" width="13.75" style="132" customWidth="1"/>
    <col min="1031" max="1031" width="30.33203125" style="132" customWidth="1"/>
    <col min="1032" max="1036" width="11.5" style="132" customWidth="1"/>
    <col min="1037" max="1038" width="12.75" style="132" customWidth="1"/>
    <col min="1039" max="1039" width="13" style="132" customWidth="1"/>
    <col min="1040" max="1279" width="7.83203125" style="132"/>
    <col min="1280" max="1280" width="7.58203125" style="132" customWidth="1"/>
    <col min="1281" max="1281" width="20.5" style="132" customWidth="1"/>
    <col min="1282" max="1283" width="12.75" style="132" customWidth="1"/>
    <col min="1284" max="1284" width="15.75" style="132" customWidth="1"/>
    <col min="1285" max="1285" width="12.75" style="132" customWidth="1"/>
    <col min="1286" max="1286" width="13.75" style="132" customWidth="1"/>
    <col min="1287" max="1287" width="30.33203125" style="132" customWidth="1"/>
    <col min="1288" max="1292" width="11.5" style="132" customWidth="1"/>
    <col min="1293" max="1294" width="12.75" style="132" customWidth="1"/>
    <col min="1295" max="1295" width="13" style="132" customWidth="1"/>
    <col min="1296" max="1535" width="7.83203125" style="132"/>
    <col min="1536" max="1536" width="7.58203125" style="132" customWidth="1"/>
    <col min="1537" max="1537" width="20.5" style="132" customWidth="1"/>
    <col min="1538" max="1539" width="12.75" style="132" customWidth="1"/>
    <col min="1540" max="1540" width="15.75" style="132" customWidth="1"/>
    <col min="1541" max="1541" width="12.75" style="132" customWidth="1"/>
    <col min="1542" max="1542" width="13.75" style="132" customWidth="1"/>
    <col min="1543" max="1543" width="30.33203125" style="132" customWidth="1"/>
    <col min="1544" max="1548" width="11.5" style="132" customWidth="1"/>
    <col min="1549" max="1550" width="12.75" style="132" customWidth="1"/>
    <col min="1551" max="1551" width="13" style="132" customWidth="1"/>
    <col min="1552" max="1791" width="7.83203125" style="132"/>
    <col min="1792" max="1792" width="7.58203125" style="132" customWidth="1"/>
    <col min="1793" max="1793" width="20.5" style="132" customWidth="1"/>
    <col min="1794" max="1795" width="12.75" style="132" customWidth="1"/>
    <col min="1796" max="1796" width="15.75" style="132" customWidth="1"/>
    <col min="1797" max="1797" width="12.75" style="132" customWidth="1"/>
    <col min="1798" max="1798" width="13.75" style="132" customWidth="1"/>
    <col min="1799" max="1799" width="30.33203125" style="132" customWidth="1"/>
    <col min="1800" max="1804" width="11.5" style="132" customWidth="1"/>
    <col min="1805" max="1806" width="12.75" style="132" customWidth="1"/>
    <col min="1807" max="1807" width="13" style="132" customWidth="1"/>
    <col min="1808" max="2047" width="7.83203125" style="132"/>
    <col min="2048" max="2048" width="7.58203125" style="132" customWidth="1"/>
    <col min="2049" max="2049" width="20.5" style="132" customWidth="1"/>
    <col min="2050" max="2051" width="12.75" style="132" customWidth="1"/>
    <col min="2052" max="2052" width="15.75" style="132" customWidth="1"/>
    <col min="2053" max="2053" width="12.75" style="132" customWidth="1"/>
    <col min="2054" max="2054" width="13.75" style="132" customWidth="1"/>
    <col min="2055" max="2055" width="30.33203125" style="132" customWidth="1"/>
    <col min="2056" max="2060" width="11.5" style="132" customWidth="1"/>
    <col min="2061" max="2062" width="12.75" style="132" customWidth="1"/>
    <col min="2063" max="2063" width="13" style="132" customWidth="1"/>
    <col min="2064" max="2303" width="7.83203125" style="132"/>
    <col min="2304" max="2304" width="7.58203125" style="132" customWidth="1"/>
    <col min="2305" max="2305" width="20.5" style="132" customWidth="1"/>
    <col min="2306" max="2307" width="12.75" style="132" customWidth="1"/>
    <col min="2308" max="2308" width="15.75" style="132" customWidth="1"/>
    <col min="2309" max="2309" width="12.75" style="132" customWidth="1"/>
    <col min="2310" max="2310" width="13.75" style="132" customWidth="1"/>
    <col min="2311" max="2311" width="30.33203125" style="132" customWidth="1"/>
    <col min="2312" max="2316" width="11.5" style="132" customWidth="1"/>
    <col min="2317" max="2318" width="12.75" style="132" customWidth="1"/>
    <col min="2319" max="2319" width="13" style="132" customWidth="1"/>
    <col min="2320" max="2559" width="7.83203125" style="132"/>
    <col min="2560" max="2560" width="7.58203125" style="132" customWidth="1"/>
    <col min="2561" max="2561" width="20.5" style="132" customWidth="1"/>
    <col min="2562" max="2563" width="12.75" style="132" customWidth="1"/>
    <col min="2564" max="2564" width="15.75" style="132" customWidth="1"/>
    <col min="2565" max="2565" width="12.75" style="132" customWidth="1"/>
    <col min="2566" max="2566" width="13.75" style="132" customWidth="1"/>
    <col min="2567" max="2567" width="30.33203125" style="132" customWidth="1"/>
    <col min="2568" max="2572" width="11.5" style="132" customWidth="1"/>
    <col min="2573" max="2574" width="12.75" style="132" customWidth="1"/>
    <col min="2575" max="2575" width="13" style="132" customWidth="1"/>
    <col min="2576" max="2815" width="7.83203125" style="132"/>
    <col min="2816" max="2816" width="7.58203125" style="132" customWidth="1"/>
    <col min="2817" max="2817" width="20.5" style="132" customWidth="1"/>
    <col min="2818" max="2819" width="12.75" style="132" customWidth="1"/>
    <col min="2820" max="2820" width="15.75" style="132" customWidth="1"/>
    <col min="2821" max="2821" width="12.75" style="132" customWidth="1"/>
    <col min="2822" max="2822" width="13.75" style="132" customWidth="1"/>
    <col min="2823" max="2823" width="30.33203125" style="132" customWidth="1"/>
    <col min="2824" max="2828" width="11.5" style="132" customWidth="1"/>
    <col min="2829" max="2830" width="12.75" style="132" customWidth="1"/>
    <col min="2831" max="2831" width="13" style="132" customWidth="1"/>
    <col min="2832" max="3071" width="7.83203125" style="132"/>
    <col min="3072" max="3072" width="7.58203125" style="132" customWidth="1"/>
    <col min="3073" max="3073" width="20.5" style="132" customWidth="1"/>
    <col min="3074" max="3075" width="12.75" style="132" customWidth="1"/>
    <col min="3076" max="3076" width="15.75" style="132" customWidth="1"/>
    <col min="3077" max="3077" width="12.75" style="132" customWidth="1"/>
    <col min="3078" max="3078" width="13.75" style="132" customWidth="1"/>
    <col min="3079" max="3079" width="30.33203125" style="132" customWidth="1"/>
    <col min="3080" max="3084" width="11.5" style="132" customWidth="1"/>
    <col min="3085" max="3086" width="12.75" style="132" customWidth="1"/>
    <col min="3087" max="3087" width="13" style="132" customWidth="1"/>
    <col min="3088" max="3327" width="7.83203125" style="132"/>
    <col min="3328" max="3328" width="7.58203125" style="132" customWidth="1"/>
    <col min="3329" max="3329" width="20.5" style="132" customWidth="1"/>
    <col min="3330" max="3331" width="12.75" style="132" customWidth="1"/>
    <col min="3332" max="3332" width="15.75" style="132" customWidth="1"/>
    <col min="3333" max="3333" width="12.75" style="132" customWidth="1"/>
    <col min="3334" max="3334" width="13.75" style="132" customWidth="1"/>
    <col min="3335" max="3335" width="30.33203125" style="132" customWidth="1"/>
    <col min="3336" max="3340" width="11.5" style="132" customWidth="1"/>
    <col min="3341" max="3342" width="12.75" style="132" customWidth="1"/>
    <col min="3343" max="3343" width="13" style="132" customWidth="1"/>
    <col min="3344" max="3583" width="7.83203125" style="132"/>
    <col min="3584" max="3584" width="7.58203125" style="132" customWidth="1"/>
    <col min="3585" max="3585" width="20.5" style="132" customWidth="1"/>
    <col min="3586" max="3587" width="12.75" style="132" customWidth="1"/>
    <col min="3588" max="3588" width="15.75" style="132" customWidth="1"/>
    <col min="3589" max="3589" width="12.75" style="132" customWidth="1"/>
    <col min="3590" max="3590" width="13.75" style="132" customWidth="1"/>
    <col min="3591" max="3591" width="30.33203125" style="132" customWidth="1"/>
    <col min="3592" max="3596" width="11.5" style="132" customWidth="1"/>
    <col min="3597" max="3598" width="12.75" style="132" customWidth="1"/>
    <col min="3599" max="3599" width="13" style="132" customWidth="1"/>
    <col min="3600" max="3839" width="7.83203125" style="132"/>
    <col min="3840" max="3840" width="7.58203125" style="132" customWidth="1"/>
    <col min="3841" max="3841" width="20.5" style="132" customWidth="1"/>
    <col min="3842" max="3843" width="12.75" style="132" customWidth="1"/>
    <col min="3844" max="3844" width="15.75" style="132" customWidth="1"/>
    <col min="3845" max="3845" width="12.75" style="132" customWidth="1"/>
    <col min="3846" max="3846" width="13.75" style="132" customWidth="1"/>
    <col min="3847" max="3847" width="30.33203125" style="132" customWidth="1"/>
    <col min="3848" max="3852" width="11.5" style="132" customWidth="1"/>
    <col min="3853" max="3854" width="12.75" style="132" customWidth="1"/>
    <col min="3855" max="3855" width="13" style="132" customWidth="1"/>
    <col min="3856" max="4095" width="7.83203125" style="132"/>
    <col min="4096" max="4096" width="7.58203125" style="132" customWidth="1"/>
    <col min="4097" max="4097" width="20.5" style="132" customWidth="1"/>
    <col min="4098" max="4099" width="12.75" style="132" customWidth="1"/>
    <col min="4100" max="4100" width="15.75" style="132" customWidth="1"/>
    <col min="4101" max="4101" width="12.75" style="132" customWidth="1"/>
    <col min="4102" max="4102" width="13.75" style="132" customWidth="1"/>
    <col min="4103" max="4103" width="30.33203125" style="132" customWidth="1"/>
    <col min="4104" max="4108" width="11.5" style="132" customWidth="1"/>
    <col min="4109" max="4110" width="12.75" style="132" customWidth="1"/>
    <col min="4111" max="4111" width="13" style="132" customWidth="1"/>
    <col min="4112" max="4351" width="7.83203125" style="132"/>
    <col min="4352" max="4352" width="7.58203125" style="132" customWidth="1"/>
    <col min="4353" max="4353" width="20.5" style="132" customWidth="1"/>
    <col min="4354" max="4355" width="12.75" style="132" customWidth="1"/>
    <col min="4356" max="4356" width="15.75" style="132" customWidth="1"/>
    <col min="4357" max="4357" width="12.75" style="132" customWidth="1"/>
    <col min="4358" max="4358" width="13.75" style="132" customWidth="1"/>
    <col min="4359" max="4359" width="30.33203125" style="132" customWidth="1"/>
    <col min="4360" max="4364" width="11.5" style="132" customWidth="1"/>
    <col min="4365" max="4366" width="12.75" style="132" customWidth="1"/>
    <col min="4367" max="4367" width="13" style="132" customWidth="1"/>
    <col min="4368" max="4607" width="7.83203125" style="132"/>
    <col min="4608" max="4608" width="7.58203125" style="132" customWidth="1"/>
    <col min="4609" max="4609" width="20.5" style="132" customWidth="1"/>
    <col min="4610" max="4611" width="12.75" style="132" customWidth="1"/>
    <col min="4612" max="4612" width="15.75" style="132" customWidth="1"/>
    <col min="4613" max="4613" width="12.75" style="132" customWidth="1"/>
    <col min="4614" max="4614" width="13.75" style="132" customWidth="1"/>
    <col min="4615" max="4615" width="30.33203125" style="132" customWidth="1"/>
    <col min="4616" max="4620" width="11.5" style="132" customWidth="1"/>
    <col min="4621" max="4622" width="12.75" style="132" customWidth="1"/>
    <col min="4623" max="4623" width="13" style="132" customWidth="1"/>
    <col min="4624" max="4863" width="7.83203125" style="132"/>
    <col min="4864" max="4864" width="7.58203125" style="132" customWidth="1"/>
    <col min="4865" max="4865" width="20.5" style="132" customWidth="1"/>
    <col min="4866" max="4867" width="12.75" style="132" customWidth="1"/>
    <col min="4868" max="4868" width="15.75" style="132" customWidth="1"/>
    <col min="4869" max="4869" width="12.75" style="132" customWidth="1"/>
    <col min="4870" max="4870" width="13.75" style="132" customWidth="1"/>
    <col min="4871" max="4871" width="30.33203125" style="132" customWidth="1"/>
    <col min="4872" max="4876" width="11.5" style="132" customWidth="1"/>
    <col min="4877" max="4878" width="12.75" style="132" customWidth="1"/>
    <col min="4879" max="4879" width="13" style="132" customWidth="1"/>
    <col min="4880" max="5119" width="7.83203125" style="132"/>
    <col min="5120" max="5120" width="7.58203125" style="132" customWidth="1"/>
    <col min="5121" max="5121" width="20.5" style="132" customWidth="1"/>
    <col min="5122" max="5123" width="12.75" style="132" customWidth="1"/>
    <col min="5124" max="5124" width="15.75" style="132" customWidth="1"/>
    <col min="5125" max="5125" width="12.75" style="132" customWidth="1"/>
    <col min="5126" max="5126" width="13.75" style="132" customWidth="1"/>
    <col min="5127" max="5127" width="30.33203125" style="132" customWidth="1"/>
    <col min="5128" max="5132" width="11.5" style="132" customWidth="1"/>
    <col min="5133" max="5134" width="12.75" style="132" customWidth="1"/>
    <col min="5135" max="5135" width="13" style="132" customWidth="1"/>
    <col min="5136" max="5375" width="7.83203125" style="132"/>
    <col min="5376" max="5376" width="7.58203125" style="132" customWidth="1"/>
    <col min="5377" max="5377" width="20.5" style="132" customWidth="1"/>
    <col min="5378" max="5379" width="12.75" style="132" customWidth="1"/>
    <col min="5380" max="5380" width="15.75" style="132" customWidth="1"/>
    <col min="5381" max="5381" width="12.75" style="132" customWidth="1"/>
    <col min="5382" max="5382" width="13.75" style="132" customWidth="1"/>
    <col min="5383" max="5383" width="30.33203125" style="132" customWidth="1"/>
    <col min="5384" max="5388" width="11.5" style="132" customWidth="1"/>
    <col min="5389" max="5390" width="12.75" style="132" customWidth="1"/>
    <col min="5391" max="5391" width="13" style="132" customWidth="1"/>
    <col min="5392" max="5631" width="7.83203125" style="132"/>
    <col min="5632" max="5632" width="7.58203125" style="132" customWidth="1"/>
    <col min="5633" max="5633" width="20.5" style="132" customWidth="1"/>
    <col min="5634" max="5635" width="12.75" style="132" customWidth="1"/>
    <col min="5636" max="5636" width="15.75" style="132" customWidth="1"/>
    <col min="5637" max="5637" width="12.75" style="132" customWidth="1"/>
    <col min="5638" max="5638" width="13.75" style="132" customWidth="1"/>
    <col min="5639" max="5639" width="30.33203125" style="132" customWidth="1"/>
    <col min="5640" max="5644" width="11.5" style="132" customWidth="1"/>
    <col min="5645" max="5646" width="12.75" style="132" customWidth="1"/>
    <col min="5647" max="5647" width="13" style="132" customWidth="1"/>
    <col min="5648" max="5887" width="7.83203125" style="132"/>
    <col min="5888" max="5888" width="7.58203125" style="132" customWidth="1"/>
    <col min="5889" max="5889" width="20.5" style="132" customWidth="1"/>
    <col min="5890" max="5891" width="12.75" style="132" customWidth="1"/>
    <col min="5892" max="5892" width="15.75" style="132" customWidth="1"/>
    <col min="5893" max="5893" width="12.75" style="132" customWidth="1"/>
    <col min="5894" max="5894" width="13.75" style="132" customWidth="1"/>
    <col min="5895" max="5895" width="30.33203125" style="132" customWidth="1"/>
    <col min="5896" max="5900" width="11.5" style="132" customWidth="1"/>
    <col min="5901" max="5902" width="12.75" style="132" customWidth="1"/>
    <col min="5903" max="5903" width="13" style="132" customWidth="1"/>
    <col min="5904" max="6143" width="7.83203125" style="132"/>
    <col min="6144" max="6144" width="7.58203125" style="132" customWidth="1"/>
    <col min="6145" max="6145" width="20.5" style="132" customWidth="1"/>
    <col min="6146" max="6147" width="12.75" style="132" customWidth="1"/>
    <col min="6148" max="6148" width="15.75" style="132" customWidth="1"/>
    <col min="6149" max="6149" width="12.75" style="132" customWidth="1"/>
    <col min="6150" max="6150" width="13.75" style="132" customWidth="1"/>
    <col min="6151" max="6151" width="30.33203125" style="132" customWidth="1"/>
    <col min="6152" max="6156" width="11.5" style="132" customWidth="1"/>
    <col min="6157" max="6158" width="12.75" style="132" customWidth="1"/>
    <col min="6159" max="6159" width="13" style="132" customWidth="1"/>
    <col min="6160" max="6399" width="7.83203125" style="132"/>
    <col min="6400" max="6400" width="7.58203125" style="132" customWidth="1"/>
    <col min="6401" max="6401" width="20.5" style="132" customWidth="1"/>
    <col min="6402" max="6403" width="12.75" style="132" customWidth="1"/>
    <col min="6404" max="6404" width="15.75" style="132" customWidth="1"/>
    <col min="6405" max="6405" width="12.75" style="132" customWidth="1"/>
    <col min="6406" max="6406" width="13.75" style="132" customWidth="1"/>
    <col min="6407" max="6407" width="30.33203125" style="132" customWidth="1"/>
    <col min="6408" max="6412" width="11.5" style="132" customWidth="1"/>
    <col min="6413" max="6414" width="12.75" style="132" customWidth="1"/>
    <col min="6415" max="6415" width="13" style="132" customWidth="1"/>
    <col min="6416" max="6655" width="7.83203125" style="132"/>
    <col min="6656" max="6656" width="7.58203125" style="132" customWidth="1"/>
    <col min="6657" max="6657" width="20.5" style="132" customWidth="1"/>
    <col min="6658" max="6659" width="12.75" style="132" customWidth="1"/>
    <col min="6660" max="6660" width="15.75" style="132" customWidth="1"/>
    <col min="6661" max="6661" width="12.75" style="132" customWidth="1"/>
    <col min="6662" max="6662" width="13.75" style="132" customWidth="1"/>
    <col min="6663" max="6663" width="30.33203125" style="132" customWidth="1"/>
    <col min="6664" max="6668" width="11.5" style="132" customWidth="1"/>
    <col min="6669" max="6670" width="12.75" style="132" customWidth="1"/>
    <col min="6671" max="6671" width="13" style="132" customWidth="1"/>
    <col min="6672" max="6911" width="7.83203125" style="132"/>
    <col min="6912" max="6912" width="7.58203125" style="132" customWidth="1"/>
    <col min="6913" max="6913" width="20.5" style="132" customWidth="1"/>
    <col min="6914" max="6915" width="12.75" style="132" customWidth="1"/>
    <col min="6916" max="6916" width="15.75" style="132" customWidth="1"/>
    <col min="6917" max="6917" width="12.75" style="132" customWidth="1"/>
    <col min="6918" max="6918" width="13.75" style="132" customWidth="1"/>
    <col min="6919" max="6919" width="30.33203125" style="132" customWidth="1"/>
    <col min="6920" max="6924" width="11.5" style="132" customWidth="1"/>
    <col min="6925" max="6926" width="12.75" style="132" customWidth="1"/>
    <col min="6927" max="6927" width="13" style="132" customWidth="1"/>
    <col min="6928" max="7167" width="7.83203125" style="132"/>
    <col min="7168" max="7168" width="7.58203125" style="132" customWidth="1"/>
    <col min="7169" max="7169" width="20.5" style="132" customWidth="1"/>
    <col min="7170" max="7171" width="12.75" style="132" customWidth="1"/>
    <col min="7172" max="7172" width="15.75" style="132" customWidth="1"/>
    <col min="7173" max="7173" width="12.75" style="132" customWidth="1"/>
    <col min="7174" max="7174" width="13.75" style="132" customWidth="1"/>
    <col min="7175" max="7175" width="30.33203125" style="132" customWidth="1"/>
    <col min="7176" max="7180" width="11.5" style="132" customWidth="1"/>
    <col min="7181" max="7182" width="12.75" style="132" customWidth="1"/>
    <col min="7183" max="7183" width="13" style="132" customWidth="1"/>
    <col min="7184" max="7423" width="7.83203125" style="132"/>
    <col min="7424" max="7424" width="7.58203125" style="132" customWidth="1"/>
    <col min="7425" max="7425" width="20.5" style="132" customWidth="1"/>
    <col min="7426" max="7427" width="12.75" style="132" customWidth="1"/>
    <col min="7428" max="7428" width="15.75" style="132" customWidth="1"/>
    <col min="7429" max="7429" width="12.75" style="132" customWidth="1"/>
    <col min="7430" max="7430" width="13.75" style="132" customWidth="1"/>
    <col min="7431" max="7431" width="30.33203125" style="132" customWidth="1"/>
    <col min="7432" max="7436" width="11.5" style="132" customWidth="1"/>
    <col min="7437" max="7438" width="12.75" style="132" customWidth="1"/>
    <col min="7439" max="7439" width="13" style="132" customWidth="1"/>
    <col min="7440" max="7679" width="7.83203125" style="132"/>
    <col min="7680" max="7680" width="7.58203125" style="132" customWidth="1"/>
    <col min="7681" max="7681" width="20.5" style="132" customWidth="1"/>
    <col min="7682" max="7683" width="12.75" style="132" customWidth="1"/>
    <col min="7684" max="7684" width="15.75" style="132" customWidth="1"/>
    <col min="7685" max="7685" width="12.75" style="132" customWidth="1"/>
    <col min="7686" max="7686" width="13.75" style="132" customWidth="1"/>
    <col min="7687" max="7687" width="30.33203125" style="132" customWidth="1"/>
    <col min="7688" max="7692" width="11.5" style="132" customWidth="1"/>
    <col min="7693" max="7694" width="12.75" style="132" customWidth="1"/>
    <col min="7695" max="7695" width="13" style="132" customWidth="1"/>
    <col min="7696" max="7935" width="7.83203125" style="132"/>
    <col min="7936" max="7936" width="7.58203125" style="132" customWidth="1"/>
    <col min="7937" max="7937" width="20.5" style="132" customWidth="1"/>
    <col min="7938" max="7939" width="12.75" style="132" customWidth="1"/>
    <col min="7940" max="7940" width="15.75" style="132" customWidth="1"/>
    <col min="7941" max="7941" width="12.75" style="132" customWidth="1"/>
    <col min="7942" max="7942" width="13.75" style="132" customWidth="1"/>
    <col min="7943" max="7943" width="30.33203125" style="132" customWidth="1"/>
    <col min="7944" max="7948" width="11.5" style="132" customWidth="1"/>
    <col min="7949" max="7950" width="12.75" style="132" customWidth="1"/>
    <col min="7951" max="7951" width="13" style="132" customWidth="1"/>
    <col min="7952" max="8191" width="7.83203125" style="132"/>
    <col min="8192" max="8192" width="7.58203125" style="132" customWidth="1"/>
    <col min="8193" max="8193" width="20.5" style="132" customWidth="1"/>
    <col min="8194" max="8195" width="12.75" style="132" customWidth="1"/>
    <col min="8196" max="8196" width="15.75" style="132" customWidth="1"/>
    <col min="8197" max="8197" width="12.75" style="132" customWidth="1"/>
    <col min="8198" max="8198" width="13.75" style="132" customWidth="1"/>
    <col min="8199" max="8199" width="30.33203125" style="132" customWidth="1"/>
    <col min="8200" max="8204" width="11.5" style="132" customWidth="1"/>
    <col min="8205" max="8206" width="12.75" style="132" customWidth="1"/>
    <col min="8207" max="8207" width="13" style="132" customWidth="1"/>
    <col min="8208" max="8447" width="7.83203125" style="132"/>
    <col min="8448" max="8448" width="7.58203125" style="132" customWidth="1"/>
    <col min="8449" max="8449" width="20.5" style="132" customWidth="1"/>
    <col min="8450" max="8451" width="12.75" style="132" customWidth="1"/>
    <col min="8452" max="8452" width="15.75" style="132" customWidth="1"/>
    <col min="8453" max="8453" width="12.75" style="132" customWidth="1"/>
    <col min="8454" max="8454" width="13.75" style="132" customWidth="1"/>
    <col min="8455" max="8455" width="30.33203125" style="132" customWidth="1"/>
    <col min="8456" max="8460" width="11.5" style="132" customWidth="1"/>
    <col min="8461" max="8462" width="12.75" style="132" customWidth="1"/>
    <col min="8463" max="8463" width="13" style="132" customWidth="1"/>
    <col min="8464" max="8703" width="7.83203125" style="132"/>
    <col min="8704" max="8704" width="7.58203125" style="132" customWidth="1"/>
    <col min="8705" max="8705" width="20.5" style="132" customWidth="1"/>
    <col min="8706" max="8707" width="12.75" style="132" customWidth="1"/>
    <col min="8708" max="8708" width="15.75" style="132" customWidth="1"/>
    <col min="8709" max="8709" width="12.75" style="132" customWidth="1"/>
    <col min="8710" max="8710" width="13.75" style="132" customWidth="1"/>
    <col min="8711" max="8711" width="30.33203125" style="132" customWidth="1"/>
    <col min="8712" max="8716" width="11.5" style="132" customWidth="1"/>
    <col min="8717" max="8718" width="12.75" style="132" customWidth="1"/>
    <col min="8719" max="8719" width="13" style="132" customWidth="1"/>
    <col min="8720" max="8959" width="7.83203125" style="132"/>
    <col min="8960" max="8960" width="7.58203125" style="132" customWidth="1"/>
    <col min="8961" max="8961" width="20.5" style="132" customWidth="1"/>
    <col min="8962" max="8963" width="12.75" style="132" customWidth="1"/>
    <col min="8964" max="8964" width="15.75" style="132" customWidth="1"/>
    <col min="8965" max="8965" width="12.75" style="132" customWidth="1"/>
    <col min="8966" max="8966" width="13.75" style="132" customWidth="1"/>
    <col min="8967" max="8967" width="30.33203125" style="132" customWidth="1"/>
    <col min="8968" max="8972" width="11.5" style="132" customWidth="1"/>
    <col min="8973" max="8974" width="12.75" style="132" customWidth="1"/>
    <col min="8975" max="8975" width="13" style="132" customWidth="1"/>
    <col min="8976" max="9215" width="7.83203125" style="132"/>
    <col min="9216" max="9216" width="7.58203125" style="132" customWidth="1"/>
    <col min="9217" max="9217" width="20.5" style="132" customWidth="1"/>
    <col min="9218" max="9219" width="12.75" style="132" customWidth="1"/>
    <col min="9220" max="9220" width="15.75" style="132" customWidth="1"/>
    <col min="9221" max="9221" width="12.75" style="132" customWidth="1"/>
    <col min="9222" max="9222" width="13.75" style="132" customWidth="1"/>
    <col min="9223" max="9223" width="30.33203125" style="132" customWidth="1"/>
    <col min="9224" max="9228" width="11.5" style="132" customWidth="1"/>
    <col min="9229" max="9230" width="12.75" style="132" customWidth="1"/>
    <col min="9231" max="9231" width="13" style="132" customWidth="1"/>
    <col min="9232" max="9471" width="7.83203125" style="132"/>
    <col min="9472" max="9472" width="7.58203125" style="132" customWidth="1"/>
    <col min="9473" max="9473" width="20.5" style="132" customWidth="1"/>
    <col min="9474" max="9475" width="12.75" style="132" customWidth="1"/>
    <col min="9476" max="9476" width="15.75" style="132" customWidth="1"/>
    <col min="9477" max="9477" width="12.75" style="132" customWidth="1"/>
    <col min="9478" max="9478" width="13.75" style="132" customWidth="1"/>
    <col min="9479" max="9479" width="30.33203125" style="132" customWidth="1"/>
    <col min="9480" max="9484" width="11.5" style="132" customWidth="1"/>
    <col min="9485" max="9486" width="12.75" style="132" customWidth="1"/>
    <col min="9487" max="9487" width="13" style="132" customWidth="1"/>
    <col min="9488" max="9727" width="7.83203125" style="132"/>
    <col min="9728" max="9728" width="7.58203125" style="132" customWidth="1"/>
    <col min="9729" max="9729" width="20.5" style="132" customWidth="1"/>
    <col min="9730" max="9731" width="12.75" style="132" customWidth="1"/>
    <col min="9732" max="9732" width="15.75" style="132" customWidth="1"/>
    <col min="9733" max="9733" width="12.75" style="132" customWidth="1"/>
    <col min="9734" max="9734" width="13.75" style="132" customWidth="1"/>
    <col min="9735" max="9735" width="30.33203125" style="132" customWidth="1"/>
    <col min="9736" max="9740" width="11.5" style="132" customWidth="1"/>
    <col min="9741" max="9742" width="12.75" style="132" customWidth="1"/>
    <col min="9743" max="9743" width="13" style="132" customWidth="1"/>
    <col min="9744" max="9983" width="7.83203125" style="132"/>
    <col min="9984" max="9984" width="7.58203125" style="132" customWidth="1"/>
    <col min="9985" max="9985" width="20.5" style="132" customWidth="1"/>
    <col min="9986" max="9987" width="12.75" style="132" customWidth="1"/>
    <col min="9988" max="9988" width="15.75" style="132" customWidth="1"/>
    <col min="9989" max="9989" width="12.75" style="132" customWidth="1"/>
    <col min="9990" max="9990" width="13.75" style="132" customWidth="1"/>
    <col min="9991" max="9991" width="30.33203125" style="132" customWidth="1"/>
    <col min="9992" max="9996" width="11.5" style="132" customWidth="1"/>
    <col min="9997" max="9998" width="12.75" style="132" customWidth="1"/>
    <col min="9999" max="9999" width="13" style="132" customWidth="1"/>
    <col min="10000" max="10239" width="7.83203125" style="132"/>
    <col min="10240" max="10240" width="7.58203125" style="132" customWidth="1"/>
    <col min="10241" max="10241" width="20.5" style="132" customWidth="1"/>
    <col min="10242" max="10243" width="12.75" style="132" customWidth="1"/>
    <col min="10244" max="10244" width="15.75" style="132" customWidth="1"/>
    <col min="10245" max="10245" width="12.75" style="132" customWidth="1"/>
    <col min="10246" max="10246" width="13.75" style="132" customWidth="1"/>
    <col min="10247" max="10247" width="30.33203125" style="132" customWidth="1"/>
    <col min="10248" max="10252" width="11.5" style="132" customWidth="1"/>
    <col min="10253" max="10254" width="12.75" style="132" customWidth="1"/>
    <col min="10255" max="10255" width="13" style="132" customWidth="1"/>
    <col min="10256" max="10495" width="7.83203125" style="132"/>
    <col min="10496" max="10496" width="7.58203125" style="132" customWidth="1"/>
    <col min="10497" max="10497" width="20.5" style="132" customWidth="1"/>
    <col min="10498" max="10499" width="12.75" style="132" customWidth="1"/>
    <col min="10500" max="10500" width="15.75" style="132" customWidth="1"/>
    <col min="10501" max="10501" width="12.75" style="132" customWidth="1"/>
    <col min="10502" max="10502" width="13.75" style="132" customWidth="1"/>
    <col min="10503" max="10503" width="30.33203125" style="132" customWidth="1"/>
    <col min="10504" max="10508" width="11.5" style="132" customWidth="1"/>
    <col min="10509" max="10510" width="12.75" style="132" customWidth="1"/>
    <col min="10511" max="10511" width="13" style="132" customWidth="1"/>
    <col min="10512" max="10751" width="7.83203125" style="132"/>
    <col min="10752" max="10752" width="7.58203125" style="132" customWidth="1"/>
    <col min="10753" max="10753" width="20.5" style="132" customWidth="1"/>
    <col min="10754" max="10755" width="12.75" style="132" customWidth="1"/>
    <col min="10756" max="10756" width="15.75" style="132" customWidth="1"/>
    <col min="10757" max="10757" width="12.75" style="132" customWidth="1"/>
    <col min="10758" max="10758" width="13.75" style="132" customWidth="1"/>
    <col min="10759" max="10759" width="30.33203125" style="132" customWidth="1"/>
    <col min="10760" max="10764" width="11.5" style="132" customWidth="1"/>
    <col min="10765" max="10766" width="12.75" style="132" customWidth="1"/>
    <col min="10767" max="10767" width="13" style="132" customWidth="1"/>
    <col min="10768" max="11007" width="7.83203125" style="132"/>
    <col min="11008" max="11008" width="7.58203125" style="132" customWidth="1"/>
    <col min="11009" max="11009" width="20.5" style="132" customWidth="1"/>
    <col min="11010" max="11011" width="12.75" style="132" customWidth="1"/>
    <col min="11012" max="11012" width="15.75" style="132" customWidth="1"/>
    <col min="11013" max="11013" width="12.75" style="132" customWidth="1"/>
    <col min="11014" max="11014" width="13.75" style="132" customWidth="1"/>
    <col min="11015" max="11015" width="30.33203125" style="132" customWidth="1"/>
    <col min="11016" max="11020" width="11.5" style="132" customWidth="1"/>
    <col min="11021" max="11022" width="12.75" style="132" customWidth="1"/>
    <col min="11023" max="11023" width="13" style="132" customWidth="1"/>
    <col min="11024" max="11263" width="7.83203125" style="132"/>
    <col min="11264" max="11264" width="7.58203125" style="132" customWidth="1"/>
    <col min="11265" max="11265" width="20.5" style="132" customWidth="1"/>
    <col min="11266" max="11267" width="12.75" style="132" customWidth="1"/>
    <col min="11268" max="11268" width="15.75" style="132" customWidth="1"/>
    <col min="11269" max="11269" width="12.75" style="132" customWidth="1"/>
    <col min="11270" max="11270" width="13.75" style="132" customWidth="1"/>
    <col min="11271" max="11271" width="30.33203125" style="132" customWidth="1"/>
    <col min="11272" max="11276" width="11.5" style="132" customWidth="1"/>
    <col min="11277" max="11278" width="12.75" style="132" customWidth="1"/>
    <col min="11279" max="11279" width="13" style="132" customWidth="1"/>
    <col min="11280" max="11519" width="7.83203125" style="132"/>
    <col min="11520" max="11520" width="7.58203125" style="132" customWidth="1"/>
    <col min="11521" max="11521" width="20.5" style="132" customWidth="1"/>
    <col min="11522" max="11523" width="12.75" style="132" customWidth="1"/>
    <col min="11524" max="11524" width="15.75" style="132" customWidth="1"/>
    <col min="11525" max="11525" width="12.75" style="132" customWidth="1"/>
    <col min="11526" max="11526" width="13.75" style="132" customWidth="1"/>
    <col min="11527" max="11527" width="30.33203125" style="132" customWidth="1"/>
    <col min="11528" max="11532" width="11.5" style="132" customWidth="1"/>
    <col min="11533" max="11534" width="12.75" style="132" customWidth="1"/>
    <col min="11535" max="11535" width="13" style="132" customWidth="1"/>
    <col min="11536" max="11775" width="7.83203125" style="132"/>
    <col min="11776" max="11776" width="7.58203125" style="132" customWidth="1"/>
    <col min="11777" max="11777" width="20.5" style="132" customWidth="1"/>
    <col min="11778" max="11779" width="12.75" style="132" customWidth="1"/>
    <col min="11780" max="11780" width="15.75" style="132" customWidth="1"/>
    <col min="11781" max="11781" width="12.75" style="132" customWidth="1"/>
    <col min="11782" max="11782" width="13.75" style="132" customWidth="1"/>
    <col min="11783" max="11783" width="30.33203125" style="132" customWidth="1"/>
    <col min="11784" max="11788" width="11.5" style="132" customWidth="1"/>
    <col min="11789" max="11790" width="12.75" style="132" customWidth="1"/>
    <col min="11791" max="11791" width="13" style="132" customWidth="1"/>
    <col min="11792" max="12031" width="7.83203125" style="132"/>
    <col min="12032" max="12032" width="7.58203125" style="132" customWidth="1"/>
    <col min="12033" max="12033" width="20.5" style="132" customWidth="1"/>
    <col min="12034" max="12035" width="12.75" style="132" customWidth="1"/>
    <col min="12036" max="12036" width="15.75" style="132" customWidth="1"/>
    <col min="12037" max="12037" width="12.75" style="132" customWidth="1"/>
    <col min="12038" max="12038" width="13.75" style="132" customWidth="1"/>
    <col min="12039" max="12039" width="30.33203125" style="132" customWidth="1"/>
    <col min="12040" max="12044" width="11.5" style="132" customWidth="1"/>
    <col min="12045" max="12046" width="12.75" style="132" customWidth="1"/>
    <col min="12047" max="12047" width="13" style="132" customWidth="1"/>
    <col min="12048" max="12287" width="7.83203125" style="132"/>
    <col min="12288" max="12288" width="7.58203125" style="132" customWidth="1"/>
    <col min="12289" max="12289" width="20.5" style="132" customWidth="1"/>
    <col min="12290" max="12291" width="12.75" style="132" customWidth="1"/>
    <col min="12292" max="12292" width="15.75" style="132" customWidth="1"/>
    <col min="12293" max="12293" width="12.75" style="132" customWidth="1"/>
    <col min="12294" max="12294" width="13.75" style="132" customWidth="1"/>
    <col min="12295" max="12295" width="30.33203125" style="132" customWidth="1"/>
    <col min="12296" max="12300" width="11.5" style="132" customWidth="1"/>
    <col min="12301" max="12302" width="12.75" style="132" customWidth="1"/>
    <col min="12303" max="12303" width="13" style="132" customWidth="1"/>
    <col min="12304" max="12543" width="7.83203125" style="132"/>
    <col min="12544" max="12544" width="7.58203125" style="132" customWidth="1"/>
    <col min="12545" max="12545" width="20.5" style="132" customWidth="1"/>
    <col min="12546" max="12547" width="12.75" style="132" customWidth="1"/>
    <col min="12548" max="12548" width="15.75" style="132" customWidth="1"/>
    <col min="12549" max="12549" width="12.75" style="132" customWidth="1"/>
    <col min="12550" max="12550" width="13.75" style="132" customWidth="1"/>
    <col min="12551" max="12551" width="30.33203125" style="132" customWidth="1"/>
    <col min="12552" max="12556" width="11.5" style="132" customWidth="1"/>
    <col min="12557" max="12558" width="12.75" style="132" customWidth="1"/>
    <col min="12559" max="12559" width="13" style="132" customWidth="1"/>
    <col min="12560" max="12799" width="7.83203125" style="132"/>
    <col min="12800" max="12800" width="7.58203125" style="132" customWidth="1"/>
    <col min="12801" max="12801" width="20.5" style="132" customWidth="1"/>
    <col min="12802" max="12803" width="12.75" style="132" customWidth="1"/>
    <col min="12804" max="12804" width="15.75" style="132" customWidth="1"/>
    <col min="12805" max="12805" width="12.75" style="132" customWidth="1"/>
    <col min="12806" max="12806" width="13.75" style="132" customWidth="1"/>
    <col min="12807" max="12807" width="30.33203125" style="132" customWidth="1"/>
    <col min="12808" max="12812" width="11.5" style="132" customWidth="1"/>
    <col min="12813" max="12814" width="12.75" style="132" customWidth="1"/>
    <col min="12815" max="12815" width="13" style="132" customWidth="1"/>
    <col min="12816" max="13055" width="7.83203125" style="132"/>
    <col min="13056" max="13056" width="7.58203125" style="132" customWidth="1"/>
    <col min="13057" max="13057" width="20.5" style="132" customWidth="1"/>
    <col min="13058" max="13059" width="12.75" style="132" customWidth="1"/>
    <col min="13060" max="13060" width="15.75" style="132" customWidth="1"/>
    <col min="13061" max="13061" width="12.75" style="132" customWidth="1"/>
    <col min="13062" max="13062" width="13.75" style="132" customWidth="1"/>
    <col min="13063" max="13063" width="30.33203125" style="132" customWidth="1"/>
    <col min="13064" max="13068" width="11.5" style="132" customWidth="1"/>
    <col min="13069" max="13070" width="12.75" style="132" customWidth="1"/>
    <col min="13071" max="13071" width="13" style="132" customWidth="1"/>
    <col min="13072" max="13311" width="7.83203125" style="132"/>
    <col min="13312" max="13312" width="7.58203125" style="132" customWidth="1"/>
    <col min="13313" max="13313" width="20.5" style="132" customWidth="1"/>
    <col min="13314" max="13315" width="12.75" style="132" customWidth="1"/>
    <col min="13316" max="13316" width="15.75" style="132" customWidth="1"/>
    <col min="13317" max="13317" width="12.75" style="132" customWidth="1"/>
    <col min="13318" max="13318" width="13.75" style="132" customWidth="1"/>
    <col min="13319" max="13319" width="30.33203125" style="132" customWidth="1"/>
    <col min="13320" max="13324" width="11.5" style="132" customWidth="1"/>
    <col min="13325" max="13326" width="12.75" style="132" customWidth="1"/>
    <col min="13327" max="13327" width="13" style="132" customWidth="1"/>
    <col min="13328" max="13567" width="7.83203125" style="132"/>
    <col min="13568" max="13568" width="7.58203125" style="132" customWidth="1"/>
    <col min="13569" max="13569" width="20.5" style="132" customWidth="1"/>
    <col min="13570" max="13571" width="12.75" style="132" customWidth="1"/>
    <col min="13572" max="13572" width="15.75" style="132" customWidth="1"/>
    <col min="13573" max="13573" width="12.75" style="132" customWidth="1"/>
    <col min="13574" max="13574" width="13.75" style="132" customWidth="1"/>
    <col min="13575" max="13575" width="30.33203125" style="132" customWidth="1"/>
    <col min="13576" max="13580" width="11.5" style="132" customWidth="1"/>
    <col min="13581" max="13582" width="12.75" style="132" customWidth="1"/>
    <col min="13583" max="13583" width="13" style="132" customWidth="1"/>
    <col min="13584" max="13823" width="7.83203125" style="132"/>
    <col min="13824" max="13824" width="7.58203125" style="132" customWidth="1"/>
    <col min="13825" max="13825" width="20.5" style="132" customWidth="1"/>
    <col min="13826" max="13827" width="12.75" style="132" customWidth="1"/>
    <col min="13828" max="13828" width="15.75" style="132" customWidth="1"/>
    <col min="13829" max="13829" width="12.75" style="132" customWidth="1"/>
    <col min="13830" max="13830" width="13.75" style="132" customWidth="1"/>
    <col min="13831" max="13831" width="30.33203125" style="132" customWidth="1"/>
    <col min="13832" max="13836" width="11.5" style="132" customWidth="1"/>
    <col min="13837" max="13838" width="12.75" style="132" customWidth="1"/>
    <col min="13839" max="13839" width="13" style="132" customWidth="1"/>
    <col min="13840" max="14079" width="7.83203125" style="132"/>
    <col min="14080" max="14080" width="7.58203125" style="132" customWidth="1"/>
    <col min="14081" max="14081" width="20.5" style="132" customWidth="1"/>
    <col min="14082" max="14083" width="12.75" style="132" customWidth="1"/>
    <col min="14084" max="14084" width="15.75" style="132" customWidth="1"/>
    <col min="14085" max="14085" width="12.75" style="132" customWidth="1"/>
    <col min="14086" max="14086" width="13.75" style="132" customWidth="1"/>
    <col min="14087" max="14087" width="30.33203125" style="132" customWidth="1"/>
    <col min="14088" max="14092" width="11.5" style="132" customWidth="1"/>
    <col min="14093" max="14094" width="12.75" style="132" customWidth="1"/>
    <col min="14095" max="14095" width="13" style="132" customWidth="1"/>
    <col min="14096" max="14335" width="7.83203125" style="132"/>
    <col min="14336" max="14336" width="7.58203125" style="132" customWidth="1"/>
    <col min="14337" max="14337" width="20.5" style="132" customWidth="1"/>
    <col min="14338" max="14339" width="12.75" style="132" customWidth="1"/>
    <col min="14340" max="14340" width="15.75" style="132" customWidth="1"/>
    <col min="14341" max="14341" width="12.75" style="132" customWidth="1"/>
    <col min="14342" max="14342" width="13.75" style="132" customWidth="1"/>
    <col min="14343" max="14343" width="30.33203125" style="132" customWidth="1"/>
    <col min="14344" max="14348" width="11.5" style="132" customWidth="1"/>
    <col min="14349" max="14350" width="12.75" style="132" customWidth="1"/>
    <col min="14351" max="14351" width="13" style="132" customWidth="1"/>
    <col min="14352" max="14591" width="7.83203125" style="132"/>
    <col min="14592" max="14592" width="7.58203125" style="132" customWidth="1"/>
    <col min="14593" max="14593" width="20.5" style="132" customWidth="1"/>
    <col min="14594" max="14595" width="12.75" style="132" customWidth="1"/>
    <col min="14596" max="14596" width="15.75" style="132" customWidth="1"/>
    <col min="14597" max="14597" width="12.75" style="132" customWidth="1"/>
    <col min="14598" max="14598" width="13.75" style="132" customWidth="1"/>
    <col min="14599" max="14599" width="30.33203125" style="132" customWidth="1"/>
    <col min="14600" max="14604" width="11.5" style="132" customWidth="1"/>
    <col min="14605" max="14606" width="12.75" style="132" customWidth="1"/>
    <col min="14607" max="14607" width="13" style="132" customWidth="1"/>
    <col min="14608" max="14847" width="7.83203125" style="132"/>
    <col min="14848" max="14848" width="7.58203125" style="132" customWidth="1"/>
    <col min="14849" max="14849" width="20.5" style="132" customWidth="1"/>
    <col min="14850" max="14851" width="12.75" style="132" customWidth="1"/>
    <col min="14852" max="14852" width="15.75" style="132" customWidth="1"/>
    <col min="14853" max="14853" width="12.75" style="132" customWidth="1"/>
    <col min="14854" max="14854" width="13.75" style="132" customWidth="1"/>
    <col min="14855" max="14855" width="30.33203125" style="132" customWidth="1"/>
    <col min="14856" max="14860" width="11.5" style="132" customWidth="1"/>
    <col min="14861" max="14862" width="12.75" style="132" customWidth="1"/>
    <col min="14863" max="14863" width="13" style="132" customWidth="1"/>
    <col min="14864" max="15103" width="7.83203125" style="132"/>
    <col min="15104" max="15104" width="7.58203125" style="132" customWidth="1"/>
    <col min="15105" max="15105" width="20.5" style="132" customWidth="1"/>
    <col min="15106" max="15107" width="12.75" style="132" customWidth="1"/>
    <col min="15108" max="15108" width="15.75" style="132" customWidth="1"/>
    <col min="15109" max="15109" width="12.75" style="132" customWidth="1"/>
    <col min="15110" max="15110" width="13.75" style="132" customWidth="1"/>
    <col min="15111" max="15111" width="30.33203125" style="132" customWidth="1"/>
    <col min="15112" max="15116" width="11.5" style="132" customWidth="1"/>
    <col min="15117" max="15118" width="12.75" style="132" customWidth="1"/>
    <col min="15119" max="15119" width="13" style="132" customWidth="1"/>
    <col min="15120" max="15359" width="7.83203125" style="132"/>
    <col min="15360" max="15360" width="7.58203125" style="132" customWidth="1"/>
    <col min="15361" max="15361" width="20.5" style="132" customWidth="1"/>
    <col min="15362" max="15363" width="12.75" style="132" customWidth="1"/>
    <col min="15364" max="15364" width="15.75" style="132" customWidth="1"/>
    <col min="15365" max="15365" width="12.75" style="132" customWidth="1"/>
    <col min="15366" max="15366" width="13.75" style="132" customWidth="1"/>
    <col min="15367" max="15367" width="30.33203125" style="132" customWidth="1"/>
    <col min="15368" max="15372" width="11.5" style="132" customWidth="1"/>
    <col min="15373" max="15374" width="12.75" style="132" customWidth="1"/>
    <col min="15375" max="15375" width="13" style="132" customWidth="1"/>
    <col min="15376" max="15615" width="7.83203125" style="132"/>
    <col min="15616" max="15616" width="7.58203125" style="132" customWidth="1"/>
    <col min="15617" max="15617" width="20.5" style="132" customWidth="1"/>
    <col min="15618" max="15619" width="12.75" style="132" customWidth="1"/>
    <col min="15620" max="15620" width="15.75" style="132" customWidth="1"/>
    <col min="15621" max="15621" width="12.75" style="132" customWidth="1"/>
    <col min="15622" max="15622" width="13.75" style="132" customWidth="1"/>
    <col min="15623" max="15623" width="30.33203125" style="132" customWidth="1"/>
    <col min="15624" max="15628" width="11.5" style="132" customWidth="1"/>
    <col min="15629" max="15630" width="12.75" style="132" customWidth="1"/>
    <col min="15631" max="15631" width="13" style="132" customWidth="1"/>
    <col min="15632" max="15871" width="7.83203125" style="132"/>
    <col min="15872" max="15872" width="7.58203125" style="132" customWidth="1"/>
    <col min="15873" max="15873" width="20.5" style="132" customWidth="1"/>
    <col min="15874" max="15875" width="12.75" style="132" customWidth="1"/>
    <col min="15876" max="15876" width="15.75" style="132" customWidth="1"/>
    <col min="15877" max="15877" width="12.75" style="132" customWidth="1"/>
    <col min="15878" max="15878" width="13.75" style="132" customWidth="1"/>
    <col min="15879" max="15879" width="30.33203125" style="132" customWidth="1"/>
    <col min="15880" max="15884" width="11.5" style="132" customWidth="1"/>
    <col min="15885" max="15886" width="12.75" style="132" customWidth="1"/>
    <col min="15887" max="15887" width="13" style="132" customWidth="1"/>
    <col min="15888" max="16127" width="7.83203125" style="132"/>
    <col min="16128" max="16128" width="7.58203125" style="132" customWidth="1"/>
    <col min="16129" max="16129" width="20.5" style="132" customWidth="1"/>
    <col min="16130" max="16131" width="12.75" style="132" customWidth="1"/>
    <col min="16132" max="16132" width="15.75" style="132" customWidth="1"/>
    <col min="16133" max="16133" width="12.75" style="132" customWidth="1"/>
    <col min="16134" max="16134" width="13.75" style="132" customWidth="1"/>
    <col min="16135" max="16135" width="30.33203125" style="132" customWidth="1"/>
    <col min="16136" max="16140" width="11.5" style="132" customWidth="1"/>
    <col min="16141" max="16142" width="12.75" style="132" customWidth="1"/>
    <col min="16143" max="16143" width="13" style="132" customWidth="1"/>
    <col min="16144" max="16384" width="7.83203125" style="132"/>
  </cols>
  <sheetData>
    <row r="1" spans="1:13" s="133" customFormat="1">
      <c r="A1" s="655" t="s">
        <v>685</v>
      </c>
      <c r="B1" s="655"/>
      <c r="C1" s="6"/>
      <c r="D1" s="673"/>
      <c r="E1" s="186"/>
      <c r="I1" s="186"/>
    </row>
    <row r="2" spans="1:13">
      <c r="D2" s="661"/>
      <c r="E2" s="662"/>
      <c r="F2" s="662"/>
      <c r="G2" s="662"/>
      <c r="H2" s="662"/>
      <c r="I2" s="662"/>
      <c r="J2" s="132"/>
      <c r="M2" s="132"/>
    </row>
    <row r="3" spans="1:13">
      <c r="B3" s="663" t="s">
        <v>225</v>
      </c>
      <c r="E3" s="662"/>
      <c r="F3" s="662"/>
      <c r="G3" s="662"/>
      <c r="H3" s="662"/>
      <c r="I3" s="662"/>
      <c r="J3" s="132"/>
      <c r="L3" s="131"/>
      <c r="M3" s="132"/>
    </row>
    <row r="4" spans="1:13">
      <c r="B4" s="663"/>
      <c r="C4" s="664"/>
      <c r="D4" s="664"/>
      <c r="J4" s="132"/>
      <c r="L4" s="131"/>
      <c r="M4" s="132"/>
    </row>
    <row r="5" spans="1:13" ht="12.75" customHeight="1">
      <c r="B5" s="665" t="s">
        <v>12</v>
      </c>
      <c r="C5" s="959" t="s">
        <v>689</v>
      </c>
      <c r="D5" s="959" t="s">
        <v>687</v>
      </c>
      <c r="E5" s="132"/>
      <c r="L5" s="131"/>
      <c r="M5" s="132"/>
    </row>
    <row r="6" spans="1:13">
      <c r="B6" s="81" t="s">
        <v>217</v>
      </c>
      <c r="C6" s="960"/>
      <c r="D6" s="960"/>
      <c r="E6" s="132"/>
    </row>
    <row r="7" spans="1:13">
      <c r="B7" s="666" t="s">
        <v>218</v>
      </c>
      <c r="C7" s="672">
        <v>303.36303769038602</v>
      </c>
      <c r="D7" s="667">
        <v>416.80503326949196</v>
      </c>
      <c r="E7" s="132"/>
    </row>
    <row r="8" spans="1:13">
      <c r="B8" s="666" t="s">
        <v>219</v>
      </c>
      <c r="C8" s="328">
        <v>210.33718666744099</v>
      </c>
      <c r="D8" s="668">
        <v>204.32790308257898</v>
      </c>
      <c r="E8" s="132"/>
    </row>
    <row r="9" spans="1:13">
      <c r="B9" s="666" t="s">
        <v>220</v>
      </c>
      <c r="C9" s="328">
        <v>138.750103951336</v>
      </c>
      <c r="D9" s="668">
        <v>70.172777077075196</v>
      </c>
      <c r="E9" s="132"/>
    </row>
    <row r="10" spans="1:13">
      <c r="B10" s="666" t="s">
        <v>221</v>
      </c>
      <c r="C10" s="328">
        <v>217.96879837000699</v>
      </c>
      <c r="D10" s="668">
        <v>179.660075196413</v>
      </c>
      <c r="E10" s="132"/>
    </row>
    <row r="11" spans="1:13">
      <c r="B11" s="82" t="s">
        <v>222</v>
      </c>
      <c r="C11" s="209"/>
      <c r="D11" s="209"/>
      <c r="E11" s="132"/>
    </row>
    <row r="12" spans="1:13">
      <c r="B12" s="666" t="s">
        <v>218</v>
      </c>
      <c r="C12" s="672">
        <v>577.26667464245304</v>
      </c>
      <c r="D12" s="667">
        <v>505.41154585666101</v>
      </c>
      <c r="E12" s="132"/>
    </row>
    <row r="13" spans="1:13">
      <c r="B13" s="666" t="s">
        <v>219</v>
      </c>
      <c r="C13" s="328">
        <v>426.298157517498</v>
      </c>
      <c r="D13" s="668">
        <v>352.76625786497698</v>
      </c>
      <c r="E13" s="132"/>
    </row>
    <row r="14" spans="1:13">
      <c r="B14" s="666" t="s">
        <v>220</v>
      </c>
      <c r="C14" s="328">
        <v>279.58743766963499</v>
      </c>
      <c r="D14" s="668">
        <v>232.71709213286701</v>
      </c>
      <c r="E14" s="132"/>
    </row>
    <row r="15" spans="1:13">
      <c r="B15" s="666" t="s">
        <v>221</v>
      </c>
      <c r="C15" s="328">
        <v>424.30191021912901</v>
      </c>
      <c r="D15" s="668">
        <v>342.27414810504104</v>
      </c>
      <c r="E15" s="132"/>
    </row>
    <row r="16" spans="1:13">
      <c r="B16" s="82" t="s">
        <v>223</v>
      </c>
      <c r="C16" s="209"/>
      <c r="D16" s="209"/>
      <c r="E16" s="132"/>
    </row>
    <row r="17" spans="2:13">
      <c r="B17" s="666" t="s">
        <v>218</v>
      </c>
      <c r="C17" s="669"/>
      <c r="D17" s="669"/>
      <c r="E17" s="132"/>
      <c r="H17" s="131"/>
      <c r="J17" s="132"/>
      <c r="L17" s="131"/>
      <c r="M17" s="132"/>
    </row>
    <row r="18" spans="2:13">
      <c r="B18" s="666" t="s">
        <v>219</v>
      </c>
      <c r="C18" s="669"/>
      <c r="D18" s="669"/>
    </row>
    <row r="19" spans="2:13">
      <c r="B19" s="666" t="s">
        <v>220</v>
      </c>
      <c r="C19" s="669"/>
      <c r="D19" s="669"/>
    </row>
    <row r="20" spans="2:13">
      <c r="B20" s="666" t="s">
        <v>221</v>
      </c>
      <c r="C20" s="669"/>
      <c r="D20" s="669"/>
    </row>
    <row r="21" spans="2:13">
      <c r="B21" s="82" t="s">
        <v>224</v>
      </c>
      <c r="C21" s="209"/>
      <c r="D21" s="209"/>
    </row>
    <row r="22" spans="2:13">
      <c r="B22" s="666" t="s">
        <v>218</v>
      </c>
      <c r="C22" s="669"/>
      <c r="D22" s="669"/>
    </row>
    <row r="23" spans="2:13">
      <c r="B23" s="666" t="s">
        <v>219</v>
      </c>
      <c r="C23" s="669"/>
      <c r="D23" s="669"/>
    </row>
    <row r="24" spans="2:13">
      <c r="B24" s="666" t="s">
        <v>220</v>
      </c>
      <c r="C24" s="669"/>
      <c r="D24" s="669"/>
    </row>
    <row r="25" spans="2:13">
      <c r="B25" s="670" t="s">
        <v>221</v>
      </c>
      <c r="C25" s="671"/>
      <c r="D25" s="671"/>
    </row>
  </sheetData>
  <mergeCells count="2">
    <mergeCell ref="C5:C6"/>
    <mergeCell ref="D5:D6"/>
  </mergeCells>
  <pageMargins left="0.74803149606299213" right="0.35433070866141736" top="0.59055118110236227" bottom="0.59055118110236227" header="0.51181102362204722" footer="0.31496062992125984"/>
  <pageSetup paperSize="9"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526337" r:id="rId4" name="Button 1">
              <controlPr defaultSize="0" print="0" autoFill="0" autoPict="0">
                <anchor moveWithCells="1" sizeWithCells="1">
                  <from>
                    <xdr:col>0</xdr:col>
                    <xdr:colOff>469900</xdr:colOff>
                    <xdr:row>0</xdr:row>
                    <xdr:rowOff>0</xdr:rowOff>
                  </from>
                  <to>
                    <xdr:col>1</xdr:col>
                    <xdr:colOff>0</xdr:colOff>
                    <xdr:row>0</xdr:row>
                    <xdr:rowOff>0</xdr:rowOff>
                  </to>
                </anchor>
              </controlPr>
            </control>
          </mc:Choice>
        </mc:AlternateContent>
        <mc:AlternateContent xmlns:mc="http://schemas.openxmlformats.org/markup-compatibility/2006">
          <mc:Choice Requires="x14">
            <control shapeId="526338" r:id="rId5" name="Button 2">
              <controlPr defaultSize="0" print="0" autoFill="0" autoPict="0">
                <anchor moveWithCells="1" sizeWithCells="1">
                  <from>
                    <xdr:col>0</xdr:col>
                    <xdr:colOff>469900</xdr:colOff>
                    <xdr:row>0</xdr:row>
                    <xdr:rowOff>0</xdr:rowOff>
                  </from>
                  <to>
                    <xdr:col>1</xdr:col>
                    <xdr:colOff>0</xdr:colOff>
                    <xdr:row>0</xdr:row>
                    <xdr:rowOff>0</xdr:rowOff>
                  </to>
                </anchor>
              </controlPr>
            </control>
          </mc:Choice>
        </mc:AlternateContent>
        <mc:AlternateContent xmlns:mc="http://schemas.openxmlformats.org/markup-compatibility/2006">
          <mc:Choice Requires="x14">
            <control shapeId="526339" r:id="rId6" name="Button 3">
              <controlPr defaultSize="0" print="0" autoFill="0" autoPict="0">
                <anchor moveWithCells="1" sizeWithCells="1">
                  <from>
                    <xdr:col>0</xdr:col>
                    <xdr:colOff>469900</xdr:colOff>
                    <xdr:row>0</xdr:row>
                    <xdr:rowOff>0</xdr:rowOff>
                  </from>
                  <to>
                    <xdr:col>1</xdr:col>
                    <xdr:colOff>0</xdr:colOff>
                    <xdr:row>0</xdr:row>
                    <xdr:rowOff>0</xdr:rowOff>
                  </to>
                </anchor>
              </controlPr>
            </control>
          </mc:Choice>
        </mc:AlternateContent>
      </controls>
    </mc:Choice>
  </mc:AlternateContent>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C00-000000000000}">
  <sheetPr codeName="Sheet5">
    <pageSetUpPr fitToPage="1"/>
  </sheetPr>
  <dimension ref="A1:H29"/>
  <sheetViews>
    <sheetView zoomScaleNormal="100" workbookViewId="0">
      <selection activeCell="B3" sqref="B3"/>
    </sheetView>
  </sheetViews>
  <sheetFormatPr defaultColWidth="9" defaultRowHeight="13"/>
  <cols>
    <col min="1" max="1" width="8.75" style="9" customWidth="1"/>
    <col min="2" max="2" width="58.58203125" style="9" customWidth="1"/>
    <col min="3" max="4" width="14.5" style="227" customWidth="1"/>
    <col min="5" max="5" width="18.75" style="227" customWidth="1"/>
    <col min="6" max="237" width="9" style="9"/>
    <col min="238" max="238" width="7.58203125" style="9" customWidth="1"/>
    <col min="239" max="239" width="58.58203125" style="9" customWidth="1"/>
    <col min="240" max="242" width="14.5" style="9" customWidth="1"/>
    <col min="243" max="493" width="9" style="9"/>
    <col min="494" max="494" width="7.58203125" style="9" customWidth="1"/>
    <col min="495" max="495" width="58.58203125" style="9" customWidth="1"/>
    <col min="496" max="498" width="14.5" style="9" customWidth="1"/>
    <col min="499" max="749" width="9" style="9"/>
    <col min="750" max="750" width="7.58203125" style="9" customWidth="1"/>
    <col min="751" max="751" width="58.58203125" style="9" customWidth="1"/>
    <col min="752" max="754" width="14.5" style="9" customWidth="1"/>
    <col min="755" max="1005" width="9" style="9"/>
    <col min="1006" max="1006" width="7.58203125" style="9" customWidth="1"/>
    <col min="1007" max="1007" width="58.58203125" style="9" customWidth="1"/>
    <col min="1008" max="1010" width="14.5" style="9" customWidth="1"/>
    <col min="1011" max="1261" width="9" style="9"/>
    <col min="1262" max="1262" width="7.58203125" style="9" customWidth="1"/>
    <col min="1263" max="1263" width="58.58203125" style="9" customWidth="1"/>
    <col min="1264" max="1266" width="14.5" style="9" customWidth="1"/>
    <col min="1267" max="1517" width="9" style="9"/>
    <col min="1518" max="1518" width="7.58203125" style="9" customWidth="1"/>
    <col min="1519" max="1519" width="58.58203125" style="9" customWidth="1"/>
    <col min="1520" max="1522" width="14.5" style="9" customWidth="1"/>
    <col min="1523" max="1773" width="9" style="9"/>
    <col min="1774" max="1774" width="7.58203125" style="9" customWidth="1"/>
    <col min="1775" max="1775" width="58.58203125" style="9" customWidth="1"/>
    <col min="1776" max="1778" width="14.5" style="9" customWidth="1"/>
    <col min="1779" max="2029" width="9" style="9"/>
    <col min="2030" max="2030" width="7.58203125" style="9" customWidth="1"/>
    <col min="2031" max="2031" width="58.58203125" style="9" customWidth="1"/>
    <col min="2032" max="2034" width="14.5" style="9" customWidth="1"/>
    <col min="2035" max="2285" width="9" style="9"/>
    <col min="2286" max="2286" width="7.58203125" style="9" customWidth="1"/>
    <col min="2287" max="2287" width="58.58203125" style="9" customWidth="1"/>
    <col min="2288" max="2290" width="14.5" style="9" customWidth="1"/>
    <col min="2291" max="2541" width="9" style="9"/>
    <col min="2542" max="2542" width="7.58203125" style="9" customWidth="1"/>
    <col min="2543" max="2543" width="58.58203125" style="9" customWidth="1"/>
    <col min="2544" max="2546" width="14.5" style="9" customWidth="1"/>
    <col min="2547" max="2797" width="9" style="9"/>
    <col min="2798" max="2798" width="7.58203125" style="9" customWidth="1"/>
    <col min="2799" max="2799" width="58.58203125" style="9" customWidth="1"/>
    <col min="2800" max="2802" width="14.5" style="9" customWidth="1"/>
    <col min="2803" max="3053" width="9" style="9"/>
    <col min="3054" max="3054" width="7.58203125" style="9" customWidth="1"/>
    <col min="3055" max="3055" width="58.58203125" style="9" customWidth="1"/>
    <col min="3056" max="3058" width="14.5" style="9" customWidth="1"/>
    <col min="3059" max="3309" width="9" style="9"/>
    <col min="3310" max="3310" width="7.58203125" style="9" customWidth="1"/>
    <col min="3311" max="3311" width="58.58203125" style="9" customWidth="1"/>
    <col min="3312" max="3314" width="14.5" style="9" customWidth="1"/>
    <col min="3315" max="3565" width="9" style="9"/>
    <col min="3566" max="3566" width="7.58203125" style="9" customWidth="1"/>
    <col min="3567" max="3567" width="58.58203125" style="9" customWidth="1"/>
    <col min="3568" max="3570" width="14.5" style="9" customWidth="1"/>
    <col min="3571" max="3821" width="9" style="9"/>
    <col min="3822" max="3822" width="7.58203125" style="9" customWidth="1"/>
    <col min="3823" max="3823" width="58.58203125" style="9" customWidth="1"/>
    <col min="3824" max="3826" width="14.5" style="9" customWidth="1"/>
    <col min="3827" max="4077" width="9" style="9"/>
    <col min="4078" max="4078" width="7.58203125" style="9" customWidth="1"/>
    <col min="4079" max="4079" width="58.58203125" style="9" customWidth="1"/>
    <col min="4080" max="4082" width="14.5" style="9" customWidth="1"/>
    <col min="4083" max="4333" width="9" style="9"/>
    <col min="4334" max="4334" width="7.58203125" style="9" customWidth="1"/>
    <col min="4335" max="4335" width="58.58203125" style="9" customWidth="1"/>
    <col min="4336" max="4338" width="14.5" style="9" customWidth="1"/>
    <col min="4339" max="4589" width="9" style="9"/>
    <col min="4590" max="4590" width="7.58203125" style="9" customWidth="1"/>
    <col min="4591" max="4591" width="58.58203125" style="9" customWidth="1"/>
    <col min="4592" max="4594" width="14.5" style="9" customWidth="1"/>
    <col min="4595" max="4845" width="9" style="9"/>
    <col min="4846" max="4846" width="7.58203125" style="9" customWidth="1"/>
    <col min="4847" max="4847" width="58.58203125" style="9" customWidth="1"/>
    <col min="4848" max="4850" width="14.5" style="9" customWidth="1"/>
    <col min="4851" max="5101" width="9" style="9"/>
    <col min="5102" max="5102" width="7.58203125" style="9" customWidth="1"/>
    <col min="5103" max="5103" width="58.58203125" style="9" customWidth="1"/>
    <col min="5104" max="5106" width="14.5" style="9" customWidth="1"/>
    <col min="5107" max="5357" width="9" style="9"/>
    <col min="5358" max="5358" width="7.58203125" style="9" customWidth="1"/>
    <col min="5359" max="5359" width="58.58203125" style="9" customWidth="1"/>
    <col min="5360" max="5362" width="14.5" style="9" customWidth="1"/>
    <col min="5363" max="5613" width="9" style="9"/>
    <col min="5614" max="5614" width="7.58203125" style="9" customWidth="1"/>
    <col min="5615" max="5615" width="58.58203125" style="9" customWidth="1"/>
    <col min="5616" max="5618" width="14.5" style="9" customWidth="1"/>
    <col min="5619" max="5869" width="9" style="9"/>
    <col min="5870" max="5870" width="7.58203125" style="9" customWidth="1"/>
    <col min="5871" max="5871" width="58.58203125" style="9" customWidth="1"/>
    <col min="5872" max="5874" width="14.5" style="9" customWidth="1"/>
    <col min="5875" max="6125" width="9" style="9"/>
    <col min="6126" max="6126" width="7.58203125" style="9" customWidth="1"/>
    <col min="6127" max="6127" width="58.58203125" style="9" customWidth="1"/>
    <col min="6128" max="6130" width="14.5" style="9" customWidth="1"/>
    <col min="6131" max="6381" width="9" style="9"/>
    <col min="6382" max="6382" width="7.58203125" style="9" customWidth="1"/>
    <col min="6383" max="6383" width="58.58203125" style="9" customWidth="1"/>
    <col min="6384" max="6386" width="14.5" style="9" customWidth="1"/>
    <col min="6387" max="6637" width="9" style="9"/>
    <col min="6638" max="6638" width="7.58203125" style="9" customWidth="1"/>
    <col min="6639" max="6639" width="58.58203125" style="9" customWidth="1"/>
    <col min="6640" max="6642" width="14.5" style="9" customWidth="1"/>
    <col min="6643" max="6893" width="9" style="9"/>
    <col min="6894" max="6894" width="7.58203125" style="9" customWidth="1"/>
    <col min="6895" max="6895" width="58.58203125" style="9" customWidth="1"/>
    <col min="6896" max="6898" width="14.5" style="9" customWidth="1"/>
    <col min="6899" max="7149" width="9" style="9"/>
    <col min="7150" max="7150" width="7.58203125" style="9" customWidth="1"/>
    <col min="7151" max="7151" width="58.58203125" style="9" customWidth="1"/>
    <col min="7152" max="7154" width="14.5" style="9" customWidth="1"/>
    <col min="7155" max="7405" width="9" style="9"/>
    <col min="7406" max="7406" width="7.58203125" style="9" customWidth="1"/>
    <col min="7407" max="7407" width="58.58203125" style="9" customWidth="1"/>
    <col min="7408" max="7410" width="14.5" style="9" customWidth="1"/>
    <col min="7411" max="7661" width="9" style="9"/>
    <col min="7662" max="7662" width="7.58203125" style="9" customWidth="1"/>
    <col min="7663" max="7663" width="58.58203125" style="9" customWidth="1"/>
    <col min="7664" max="7666" width="14.5" style="9" customWidth="1"/>
    <col min="7667" max="7917" width="9" style="9"/>
    <col min="7918" max="7918" width="7.58203125" style="9" customWidth="1"/>
    <col min="7919" max="7919" width="58.58203125" style="9" customWidth="1"/>
    <col min="7920" max="7922" width="14.5" style="9" customWidth="1"/>
    <col min="7923" max="8173" width="9" style="9"/>
    <col min="8174" max="8174" width="7.58203125" style="9" customWidth="1"/>
    <col min="8175" max="8175" width="58.58203125" style="9" customWidth="1"/>
    <col min="8176" max="8178" width="14.5" style="9" customWidth="1"/>
    <col min="8179" max="8429" width="9" style="9"/>
    <col min="8430" max="8430" width="7.58203125" style="9" customWidth="1"/>
    <col min="8431" max="8431" width="58.58203125" style="9" customWidth="1"/>
    <col min="8432" max="8434" width="14.5" style="9" customWidth="1"/>
    <col min="8435" max="8685" width="9" style="9"/>
    <col min="8686" max="8686" width="7.58203125" style="9" customWidth="1"/>
    <col min="8687" max="8687" width="58.58203125" style="9" customWidth="1"/>
    <col min="8688" max="8690" width="14.5" style="9" customWidth="1"/>
    <col min="8691" max="8941" width="9" style="9"/>
    <col min="8942" max="8942" width="7.58203125" style="9" customWidth="1"/>
    <col min="8943" max="8943" width="58.58203125" style="9" customWidth="1"/>
    <col min="8944" max="8946" width="14.5" style="9" customWidth="1"/>
    <col min="8947" max="9197" width="9" style="9"/>
    <col min="9198" max="9198" width="7.58203125" style="9" customWidth="1"/>
    <col min="9199" max="9199" width="58.58203125" style="9" customWidth="1"/>
    <col min="9200" max="9202" width="14.5" style="9" customWidth="1"/>
    <col min="9203" max="9453" width="9" style="9"/>
    <col min="9454" max="9454" width="7.58203125" style="9" customWidth="1"/>
    <col min="9455" max="9455" width="58.58203125" style="9" customWidth="1"/>
    <col min="9456" max="9458" width="14.5" style="9" customWidth="1"/>
    <col min="9459" max="9709" width="9" style="9"/>
    <col min="9710" max="9710" width="7.58203125" style="9" customWidth="1"/>
    <col min="9711" max="9711" width="58.58203125" style="9" customWidth="1"/>
    <col min="9712" max="9714" width="14.5" style="9" customWidth="1"/>
    <col min="9715" max="9965" width="9" style="9"/>
    <col min="9966" max="9966" width="7.58203125" style="9" customWidth="1"/>
    <col min="9967" max="9967" width="58.58203125" style="9" customWidth="1"/>
    <col min="9968" max="9970" width="14.5" style="9" customWidth="1"/>
    <col min="9971" max="10221" width="9" style="9"/>
    <col min="10222" max="10222" width="7.58203125" style="9" customWidth="1"/>
    <col min="10223" max="10223" width="58.58203125" style="9" customWidth="1"/>
    <col min="10224" max="10226" width="14.5" style="9" customWidth="1"/>
    <col min="10227" max="10477" width="9" style="9"/>
    <col min="10478" max="10478" width="7.58203125" style="9" customWidth="1"/>
    <col min="10479" max="10479" width="58.58203125" style="9" customWidth="1"/>
    <col min="10480" max="10482" width="14.5" style="9" customWidth="1"/>
    <col min="10483" max="10733" width="9" style="9"/>
    <col min="10734" max="10734" width="7.58203125" style="9" customWidth="1"/>
    <col min="10735" max="10735" width="58.58203125" style="9" customWidth="1"/>
    <col min="10736" max="10738" width="14.5" style="9" customWidth="1"/>
    <col min="10739" max="10989" width="9" style="9"/>
    <col min="10990" max="10990" width="7.58203125" style="9" customWidth="1"/>
    <col min="10991" max="10991" width="58.58203125" style="9" customWidth="1"/>
    <col min="10992" max="10994" width="14.5" style="9" customWidth="1"/>
    <col min="10995" max="11245" width="9" style="9"/>
    <col min="11246" max="11246" width="7.58203125" style="9" customWidth="1"/>
    <col min="11247" max="11247" width="58.58203125" style="9" customWidth="1"/>
    <col min="11248" max="11250" width="14.5" style="9" customWidth="1"/>
    <col min="11251" max="11501" width="9" style="9"/>
    <col min="11502" max="11502" width="7.58203125" style="9" customWidth="1"/>
    <col min="11503" max="11503" width="58.58203125" style="9" customWidth="1"/>
    <col min="11504" max="11506" width="14.5" style="9" customWidth="1"/>
    <col min="11507" max="11757" width="9" style="9"/>
    <col min="11758" max="11758" width="7.58203125" style="9" customWidth="1"/>
    <col min="11759" max="11759" width="58.58203125" style="9" customWidth="1"/>
    <col min="11760" max="11762" width="14.5" style="9" customWidth="1"/>
    <col min="11763" max="12013" width="9" style="9"/>
    <col min="12014" max="12014" width="7.58203125" style="9" customWidth="1"/>
    <col min="12015" max="12015" width="58.58203125" style="9" customWidth="1"/>
    <col min="12016" max="12018" width="14.5" style="9" customWidth="1"/>
    <col min="12019" max="12269" width="9" style="9"/>
    <col min="12270" max="12270" width="7.58203125" style="9" customWidth="1"/>
    <col min="12271" max="12271" width="58.58203125" style="9" customWidth="1"/>
    <col min="12272" max="12274" width="14.5" style="9" customWidth="1"/>
    <col min="12275" max="12525" width="9" style="9"/>
    <col min="12526" max="12526" width="7.58203125" style="9" customWidth="1"/>
    <col min="12527" max="12527" width="58.58203125" style="9" customWidth="1"/>
    <col min="12528" max="12530" width="14.5" style="9" customWidth="1"/>
    <col min="12531" max="12781" width="9" style="9"/>
    <col min="12782" max="12782" width="7.58203125" style="9" customWidth="1"/>
    <col min="12783" max="12783" width="58.58203125" style="9" customWidth="1"/>
    <col min="12784" max="12786" width="14.5" style="9" customWidth="1"/>
    <col min="12787" max="13037" width="9" style="9"/>
    <col min="13038" max="13038" width="7.58203125" style="9" customWidth="1"/>
    <col min="13039" max="13039" width="58.58203125" style="9" customWidth="1"/>
    <col min="13040" max="13042" width="14.5" style="9" customWidth="1"/>
    <col min="13043" max="13293" width="9" style="9"/>
    <col min="13294" max="13294" width="7.58203125" style="9" customWidth="1"/>
    <col min="13295" max="13295" width="58.58203125" style="9" customWidth="1"/>
    <col min="13296" max="13298" width="14.5" style="9" customWidth="1"/>
    <col min="13299" max="13549" width="9" style="9"/>
    <col min="13550" max="13550" width="7.58203125" style="9" customWidth="1"/>
    <col min="13551" max="13551" width="58.58203125" style="9" customWidth="1"/>
    <col min="13552" max="13554" width="14.5" style="9" customWidth="1"/>
    <col min="13555" max="13805" width="9" style="9"/>
    <col min="13806" max="13806" width="7.58203125" style="9" customWidth="1"/>
    <col min="13807" max="13807" width="58.58203125" style="9" customWidth="1"/>
    <col min="13808" max="13810" width="14.5" style="9" customWidth="1"/>
    <col min="13811" max="14061" width="9" style="9"/>
    <col min="14062" max="14062" width="7.58203125" style="9" customWidth="1"/>
    <col min="14063" max="14063" width="58.58203125" style="9" customWidth="1"/>
    <col min="14064" max="14066" width="14.5" style="9" customWidth="1"/>
    <col min="14067" max="14317" width="9" style="9"/>
    <col min="14318" max="14318" width="7.58203125" style="9" customWidth="1"/>
    <col min="14319" max="14319" width="58.58203125" style="9" customWidth="1"/>
    <col min="14320" max="14322" width="14.5" style="9" customWidth="1"/>
    <col min="14323" max="14573" width="9" style="9"/>
    <col min="14574" max="14574" width="7.58203125" style="9" customWidth="1"/>
    <col min="14575" max="14575" width="58.58203125" style="9" customWidth="1"/>
    <col min="14576" max="14578" width="14.5" style="9" customWidth="1"/>
    <col min="14579" max="14829" width="9" style="9"/>
    <col min="14830" max="14830" width="7.58203125" style="9" customWidth="1"/>
    <col min="14831" max="14831" width="58.58203125" style="9" customWidth="1"/>
    <col min="14832" max="14834" width="14.5" style="9" customWidth="1"/>
    <col min="14835" max="15085" width="9" style="9"/>
    <col min="15086" max="15086" width="7.58203125" style="9" customWidth="1"/>
    <col min="15087" max="15087" width="58.58203125" style="9" customWidth="1"/>
    <col min="15088" max="15090" width="14.5" style="9" customWidth="1"/>
    <col min="15091" max="15341" width="9" style="9"/>
    <col min="15342" max="15342" width="7.58203125" style="9" customWidth="1"/>
    <col min="15343" max="15343" width="58.58203125" style="9" customWidth="1"/>
    <col min="15344" max="15346" width="14.5" style="9" customWidth="1"/>
    <col min="15347" max="15597" width="9" style="9"/>
    <col min="15598" max="15598" width="7.58203125" style="9" customWidth="1"/>
    <col min="15599" max="15599" width="58.58203125" style="9" customWidth="1"/>
    <col min="15600" max="15602" width="14.5" style="9" customWidth="1"/>
    <col min="15603" max="15853" width="9" style="9"/>
    <col min="15854" max="15854" width="7.58203125" style="9" customWidth="1"/>
    <col min="15855" max="15855" width="58.58203125" style="9" customWidth="1"/>
    <col min="15856" max="15858" width="14.5" style="9" customWidth="1"/>
    <col min="15859" max="16109" width="9" style="9"/>
    <col min="16110" max="16110" width="7.58203125" style="9" customWidth="1"/>
    <col min="16111" max="16111" width="58.58203125" style="9" customWidth="1"/>
    <col min="16112" max="16114" width="14.5" style="9" customWidth="1"/>
    <col min="16115" max="16384" width="9" style="9"/>
  </cols>
  <sheetData>
    <row r="1" spans="1:8" s="228" customFormat="1">
      <c r="A1" s="652" t="s">
        <v>685</v>
      </c>
      <c r="B1" s="652"/>
      <c r="F1" s="307"/>
    </row>
    <row r="2" spans="1:8" s="228" customFormat="1" ht="13.15" customHeight="1">
      <c r="E2" s="651"/>
    </row>
    <row r="3" spans="1:8" s="228" customFormat="1">
      <c r="A3" s="229"/>
      <c r="B3" s="135" t="s">
        <v>160</v>
      </c>
      <c r="E3" s="331"/>
    </row>
    <row r="4" spans="1:8">
      <c r="A4" s="64"/>
      <c r="B4" s="135"/>
      <c r="C4" s="21"/>
      <c r="D4" s="21"/>
    </row>
    <row r="5" spans="1:8">
      <c r="A5" s="64"/>
      <c r="B5" s="135" t="s">
        <v>12</v>
      </c>
      <c r="C5" s="228"/>
      <c r="E5" s="228"/>
    </row>
    <row r="6" spans="1:8" ht="13.15" customHeight="1">
      <c r="A6" s="20"/>
      <c r="B6" s="125"/>
      <c r="C6" s="125"/>
      <c r="D6" s="125"/>
      <c r="E6" s="125"/>
      <c r="F6" s="228"/>
      <c r="G6" s="228"/>
      <c r="H6" s="228"/>
    </row>
    <row r="7" spans="1:8" ht="26.25" customHeight="1">
      <c r="B7" s="961" t="s">
        <v>145</v>
      </c>
      <c r="C7" s="386"/>
      <c r="D7" s="387"/>
      <c r="E7" s="282" t="s">
        <v>446</v>
      </c>
      <c r="F7" s="228"/>
      <c r="G7" s="228"/>
      <c r="H7" s="228"/>
    </row>
    <row r="8" spans="1:8">
      <c r="B8" s="962"/>
      <c r="C8" s="388" t="s">
        <v>689</v>
      </c>
      <c r="D8" s="389" t="s">
        <v>686</v>
      </c>
      <c r="E8" s="182" t="s">
        <v>689</v>
      </c>
      <c r="F8" s="228"/>
      <c r="G8" s="228"/>
      <c r="H8" s="228"/>
    </row>
    <row r="9" spans="1:8">
      <c r="A9" s="159">
        <v>1</v>
      </c>
      <c r="B9" s="10" t="s">
        <v>146</v>
      </c>
      <c r="C9" s="11">
        <v>483062.74776790658</v>
      </c>
      <c r="D9" s="11">
        <v>504232.72950168065</v>
      </c>
      <c r="E9" s="11">
        <v>38645.019821432528</v>
      </c>
      <c r="F9" s="228"/>
      <c r="G9" s="21"/>
      <c r="H9" s="228"/>
    </row>
    <row r="10" spans="1:8">
      <c r="A10" s="159">
        <v>2</v>
      </c>
      <c r="B10" s="12" t="s">
        <v>147</v>
      </c>
      <c r="C10" s="15">
        <v>37401.043925186634</v>
      </c>
      <c r="D10" s="15">
        <v>37905.20923802958</v>
      </c>
      <c r="E10" s="15">
        <v>2992.0835140149306</v>
      </c>
      <c r="F10" s="228"/>
      <c r="G10" s="21"/>
      <c r="H10" s="228"/>
    </row>
    <row r="11" spans="1:8">
      <c r="A11" s="159">
        <v>3</v>
      </c>
      <c r="B11" s="13" t="s">
        <v>148</v>
      </c>
      <c r="C11" s="15">
        <v>152524.20512152402</v>
      </c>
      <c r="D11" s="15">
        <v>163877.88933587194</v>
      </c>
      <c r="E11" s="15">
        <v>12201.936409721922</v>
      </c>
      <c r="F11" s="228"/>
      <c r="G11" s="21"/>
      <c r="H11" s="228"/>
    </row>
    <row r="12" spans="1:8">
      <c r="A12" s="159">
        <v>4</v>
      </c>
      <c r="B12" s="13" t="s">
        <v>149</v>
      </c>
      <c r="C12" s="15">
        <v>293137.49872119591</v>
      </c>
      <c r="D12" s="15">
        <v>302449.63092777913</v>
      </c>
      <c r="E12" s="15">
        <v>23450.999897695674</v>
      </c>
      <c r="F12" s="228"/>
      <c r="G12" s="21"/>
      <c r="H12" s="228"/>
    </row>
    <row r="13" spans="1:8">
      <c r="A13" s="159">
        <v>6</v>
      </c>
      <c r="B13" s="14" t="s">
        <v>0</v>
      </c>
      <c r="C13" s="11">
        <v>28486.969427908003</v>
      </c>
      <c r="D13" s="11">
        <v>32735.536491372997</v>
      </c>
      <c r="E13" s="11">
        <v>2278.9575542326402</v>
      </c>
      <c r="F13" s="228"/>
      <c r="G13" s="21"/>
      <c r="H13" s="228"/>
    </row>
    <row r="14" spans="1:8">
      <c r="A14" s="159">
        <v>7</v>
      </c>
      <c r="B14" s="12" t="s">
        <v>150</v>
      </c>
      <c r="C14" s="15">
        <v>5084.009996312001</v>
      </c>
      <c r="D14" s="15">
        <v>5730.8804791439989</v>
      </c>
      <c r="E14" s="15">
        <v>406.72079970496009</v>
      </c>
      <c r="F14" s="228"/>
      <c r="G14" s="21"/>
      <c r="H14" s="228"/>
    </row>
    <row r="15" spans="1:8">
      <c r="A15" s="159">
        <v>10</v>
      </c>
      <c r="B15" s="12" t="s">
        <v>151</v>
      </c>
      <c r="C15" s="15">
        <v>15882.479431596001</v>
      </c>
      <c r="D15" s="15">
        <v>18280.422012228999</v>
      </c>
      <c r="E15" s="15">
        <v>1270.5983545276802</v>
      </c>
      <c r="F15" s="228"/>
      <c r="G15" s="21"/>
      <c r="H15" s="228"/>
    </row>
    <row r="16" spans="1:8">
      <c r="A16" s="159">
        <v>11</v>
      </c>
      <c r="B16" s="13" t="s">
        <v>152</v>
      </c>
      <c r="C16" s="15">
        <v>184.44300000000001</v>
      </c>
      <c r="D16" s="15">
        <v>205.376</v>
      </c>
      <c r="E16" s="15">
        <v>14.755440000000002</v>
      </c>
      <c r="F16" s="228"/>
      <c r="G16" s="21"/>
      <c r="H16" s="228"/>
    </row>
    <row r="17" spans="1:7">
      <c r="A17" s="159">
        <v>12</v>
      </c>
      <c r="B17" s="13" t="s">
        <v>153</v>
      </c>
      <c r="C17" s="15">
        <v>7336.0370000000003</v>
      </c>
      <c r="D17" s="15">
        <v>8518.8580000000002</v>
      </c>
      <c r="E17" s="15">
        <v>586.88296000000003</v>
      </c>
      <c r="G17" s="21"/>
    </row>
    <row r="18" spans="1:7">
      <c r="A18" s="159">
        <v>13</v>
      </c>
      <c r="B18" s="10" t="s">
        <v>4</v>
      </c>
      <c r="C18" s="11">
        <v>3.3177500000000002</v>
      </c>
      <c r="D18" s="11">
        <v>1.2110000000000001</v>
      </c>
      <c r="E18" s="11">
        <v>0.26542000000000004</v>
      </c>
      <c r="G18" s="21"/>
    </row>
    <row r="19" spans="1:7">
      <c r="A19" s="159">
        <v>14</v>
      </c>
      <c r="B19" s="10" t="s">
        <v>5</v>
      </c>
      <c r="C19" s="11">
        <v>1972.7431784349999</v>
      </c>
      <c r="D19" s="11">
        <v>2259.4448309120003</v>
      </c>
      <c r="E19" s="11">
        <v>157.81945427479999</v>
      </c>
      <c r="G19" s="21"/>
    </row>
    <row r="20" spans="1:7">
      <c r="A20" s="159">
        <v>19</v>
      </c>
      <c r="B20" s="10" t="s">
        <v>6</v>
      </c>
      <c r="C20" s="11">
        <v>36829.700199054998</v>
      </c>
      <c r="D20" s="11">
        <v>34009.482565509999</v>
      </c>
      <c r="E20" s="11">
        <v>2946.3760159243998</v>
      </c>
      <c r="G20" s="21"/>
    </row>
    <row r="21" spans="1:7">
      <c r="A21" s="159">
        <v>20</v>
      </c>
      <c r="B21" s="12" t="s">
        <v>154</v>
      </c>
      <c r="C21" s="15">
        <v>8741.746811555</v>
      </c>
      <c r="D21" s="15">
        <v>10776.80389051</v>
      </c>
      <c r="E21" s="15">
        <v>699.33974492440007</v>
      </c>
      <c r="G21" s="21"/>
    </row>
    <row r="22" spans="1:7">
      <c r="A22" s="159">
        <v>21</v>
      </c>
      <c r="B22" s="126" t="s">
        <v>155</v>
      </c>
      <c r="C22" s="15">
        <v>28087.953387499998</v>
      </c>
      <c r="D22" s="15">
        <v>23232.678674999999</v>
      </c>
      <c r="E22" s="15">
        <v>2247.0362709999999</v>
      </c>
      <c r="G22" s="21"/>
    </row>
    <row r="23" spans="1:7">
      <c r="A23" s="159">
        <v>22</v>
      </c>
      <c r="B23" s="10" t="s">
        <v>156</v>
      </c>
      <c r="C23" s="127"/>
      <c r="D23" s="127"/>
      <c r="E23" s="127"/>
      <c r="G23" s="21"/>
    </row>
    <row r="24" spans="1:7">
      <c r="A24" s="159">
        <v>23</v>
      </c>
      <c r="B24" s="128" t="s">
        <v>7</v>
      </c>
      <c r="C24" s="11">
        <v>50483.075749999989</v>
      </c>
      <c r="D24" s="11">
        <v>50420.906374999999</v>
      </c>
      <c r="E24" s="11">
        <v>4038.6460599999991</v>
      </c>
      <c r="G24" s="21"/>
    </row>
    <row r="25" spans="1:7">
      <c r="A25" s="159">
        <v>26</v>
      </c>
      <c r="B25" s="126" t="s">
        <v>157</v>
      </c>
      <c r="C25" s="15">
        <v>50483.075749999989</v>
      </c>
      <c r="D25" s="15">
        <v>50420.906374999999</v>
      </c>
      <c r="E25" s="15">
        <v>4038.6460599999991</v>
      </c>
      <c r="G25" s="21"/>
    </row>
    <row r="26" spans="1:7">
      <c r="A26" s="159">
        <v>27</v>
      </c>
      <c r="B26" s="128" t="s">
        <v>158</v>
      </c>
      <c r="C26" s="11">
        <v>21870.026729323326</v>
      </c>
      <c r="D26" s="11">
        <v>20866.137431685434</v>
      </c>
      <c r="E26" s="11">
        <v>1749.6021383458663</v>
      </c>
      <c r="G26" s="21"/>
    </row>
    <row r="27" spans="1:7">
      <c r="A27" s="159"/>
      <c r="B27" s="129" t="s">
        <v>501</v>
      </c>
      <c r="C27" s="16">
        <v>102851.3</v>
      </c>
      <c r="D27" s="16">
        <v>101782.393</v>
      </c>
      <c r="E27" s="16">
        <v>8228.1040000000012</v>
      </c>
      <c r="G27" s="21"/>
    </row>
    <row r="28" spans="1:7">
      <c r="A28" s="159">
        <v>29</v>
      </c>
      <c r="B28" s="130" t="s">
        <v>159</v>
      </c>
      <c r="C28" s="96">
        <v>725559.88080262789</v>
      </c>
      <c r="D28" s="96">
        <v>746307.84119616123</v>
      </c>
      <c r="E28" s="96">
        <v>58044.790464210237</v>
      </c>
      <c r="G28" s="21"/>
    </row>
    <row r="29" spans="1:7">
      <c r="C29" s="17"/>
      <c r="D29" s="307"/>
      <c r="E29" s="17"/>
    </row>
  </sheetData>
  <mergeCells count="1">
    <mergeCell ref="B7:B8"/>
  </mergeCells>
  <pageMargins left="0.70866141732283472" right="0.70866141732283472" top="0.74803149606299213" bottom="0.74803149606299213" header="0.31496062992125984" footer="0.31496062992125984"/>
  <pageSetup paperSize="9" scale="71" orientation="portrait" r:id="rId1"/>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D00-000000000000}">
  <sheetPr codeName="Sheet8">
    <pageSetUpPr fitToPage="1"/>
  </sheetPr>
  <dimension ref="A1:M15"/>
  <sheetViews>
    <sheetView zoomScaleNormal="100" workbookViewId="0">
      <selection activeCell="B3" sqref="B3"/>
    </sheetView>
  </sheetViews>
  <sheetFormatPr defaultColWidth="8.75" defaultRowHeight="13"/>
  <cols>
    <col min="1" max="1" width="6.83203125" style="1" customWidth="1"/>
    <col min="2" max="2" width="55.33203125" style="7" customWidth="1"/>
    <col min="3" max="4" width="15.25" style="1" customWidth="1"/>
    <col min="5" max="16384" width="8.75" style="1"/>
  </cols>
  <sheetData>
    <row r="1" spans="1:13" s="224" customFormat="1">
      <c r="A1" s="652" t="s">
        <v>685</v>
      </c>
      <c r="B1" s="652"/>
      <c r="C1" s="6"/>
      <c r="D1" s="246"/>
    </row>
    <row r="2" spans="1:13" s="224" customFormat="1">
      <c r="A2" s="221"/>
      <c r="B2" s="221"/>
      <c r="C2" s="221"/>
      <c r="D2" s="101"/>
    </row>
    <row r="3" spans="1:13" s="224" customFormat="1">
      <c r="B3" s="226" t="s">
        <v>237</v>
      </c>
    </row>
    <row r="4" spans="1:13">
      <c r="B4" s="1"/>
      <c r="C4" s="4" t="s">
        <v>1</v>
      </c>
      <c r="D4" s="4" t="s">
        <v>2</v>
      </c>
      <c r="E4" s="224"/>
      <c r="F4" s="224"/>
      <c r="G4" s="224"/>
      <c r="H4" s="224"/>
      <c r="I4" s="224"/>
      <c r="J4" s="224"/>
      <c r="K4" s="224"/>
      <c r="L4" s="224"/>
      <c r="M4" s="224"/>
    </row>
    <row r="5" spans="1:13" ht="26">
      <c r="A5" s="4"/>
      <c r="B5" s="201" t="s">
        <v>12</v>
      </c>
      <c r="C5" s="202" t="s">
        <v>8</v>
      </c>
      <c r="D5" s="202" t="s">
        <v>63</v>
      </c>
      <c r="E5" s="224"/>
      <c r="F5" s="224"/>
      <c r="G5" s="224"/>
      <c r="H5" s="224"/>
      <c r="I5" s="224"/>
      <c r="J5" s="224"/>
      <c r="K5" s="224"/>
      <c r="L5" s="224"/>
      <c r="M5" s="224"/>
    </row>
    <row r="6" spans="1:13" s="224" customFormat="1">
      <c r="A6" s="172">
        <v>1</v>
      </c>
      <c r="B6" s="174" t="s">
        <v>691</v>
      </c>
      <c r="C6" s="200">
        <v>466327.52026365104</v>
      </c>
      <c r="D6" s="200">
        <v>37306.201621092085</v>
      </c>
    </row>
    <row r="7" spans="1:13" s="224" customFormat="1">
      <c r="A7" s="172">
        <v>2</v>
      </c>
      <c r="B7" s="173" t="s">
        <v>447</v>
      </c>
      <c r="C7" s="178">
        <v>-704.78635065006461</v>
      </c>
      <c r="D7" s="178">
        <v>-56.38290805200517</v>
      </c>
    </row>
    <row r="8" spans="1:13" s="224" customFormat="1">
      <c r="A8" s="172">
        <v>3</v>
      </c>
      <c r="B8" s="173" t="s">
        <v>451</v>
      </c>
      <c r="C8" s="178">
        <v>-323.42591797094883</v>
      </c>
      <c r="D8" s="178">
        <v>-25.874073437675907</v>
      </c>
    </row>
    <row r="9" spans="1:13" s="224" customFormat="1">
      <c r="A9" s="172">
        <v>4</v>
      </c>
      <c r="B9" s="173" t="s">
        <v>452</v>
      </c>
      <c r="C9" s="178"/>
      <c r="D9" s="178"/>
    </row>
    <row r="10" spans="1:13" s="224" customFormat="1">
      <c r="A10" s="172">
        <v>5</v>
      </c>
      <c r="B10" s="173" t="s">
        <v>141</v>
      </c>
      <c r="C10" s="178">
        <v>-3400</v>
      </c>
      <c r="D10" s="178">
        <v>-272</v>
      </c>
    </row>
    <row r="11" spans="1:13" s="224" customFormat="1">
      <c r="A11" s="172">
        <v>6</v>
      </c>
      <c r="B11" s="173" t="s">
        <v>142</v>
      </c>
      <c r="C11" s="178"/>
      <c r="D11" s="178"/>
    </row>
    <row r="12" spans="1:13" s="224" customFormat="1">
      <c r="A12" s="172">
        <v>7</v>
      </c>
      <c r="B12" s="173" t="s">
        <v>143</v>
      </c>
      <c r="C12" s="178">
        <v>-16237.604152310088</v>
      </c>
      <c r="D12" s="178">
        <v>-1299.0083321848072</v>
      </c>
    </row>
    <row r="13" spans="1:13" s="224" customFormat="1">
      <c r="A13" s="172">
        <v>8</v>
      </c>
      <c r="B13" s="176" t="s">
        <v>109</v>
      </c>
      <c r="C13" s="203"/>
      <c r="D13" s="203"/>
    </row>
    <row r="14" spans="1:13" s="224" customFormat="1">
      <c r="A14" s="172">
        <v>9</v>
      </c>
      <c r="B14" s="174" t="s">
        <v>690</v>
      </c>
      <c r="C14" s="200">
        <v>445661.7038427199</v>
      </c>
      <c r="D14" s="200">
        <v>35652.936307417593</v>
      </c>
    </row>
    <row r="15" spans="1:13" s="224" customFormat="1">
      <c r="A15" s="225"/>
      <c r="B15" s="175"/>
      <c r="C15" s="178"/>
      <c r="D15" s="178"/>
    </row>
  </sheetData>
  <pageMargins left="0.70866141732283472" right="0.70866141732283472" top="0.74803149606299213" bottom="0.74803149606299213" header="0.31496062992125984" footer="0.31496062992125984"/>
  <pageSetup paperSize="9" orientation="landscape"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E00-000000000000}">
  <sheetPr codeName="Sheet9">
    <pageSetUpPr fitToPage="1"/>
  </sheetPr>
  <dimension ref="A1:J17"/>
  <sheetViews>
    <sheetView zoomScaleNormal="100" workbookViewId="0">
      <selection activeCell="B3" sqref="B3"/>
    </sheetView>
  </sheetViews>
  <sheetFormatPr defaultColWidth="9" defaultRowHeight="13"/>
  <cols>
    <col min="1" max="1" width="10" style="1" customWidth="1"/>
    <col min="2" max="2" width="50.08203125" style="7" customWidth="1"/>
    <col min="3" max="4" width="15.58203125" style="1" customWidth="1"/>
    <col min="5" max="16384" width="9" style="1"/>
  </cols>
  <sheetData>
    <row r="1" spans="1:10" s="224" customFormat="1">
      <c r="A1" s="652" t="s">
        <v>685</v>
      </c>
      <c r="B1" s="652"/>
      <c r="C1" s="6"/>
    </row>
    <row r="2" spans="1:10" s="224" customFormat="1">
      <c r="B2" s="246"/>
      <c r="D2" s="297"/>
    </row>
    <row r="3" spans="1:10" s="224" customFormat="1">
      <c r="B3" s="226" t="s">
        <v>232</v>
      </c>
    </row>
    <row r="4" spans="1:10">
      <c r="B4" s="2"/>
      <c r="C4" s="195" t="s">
        <v>1</v>
      </c>
      <c r="D4" s="195" t="s">
        <v>2</v>
      </c>
      <c r="E4" s="224"/>
      <c r="F4" s="224"/>
    </row>
    <row r="5" spans="1:10" ht="26">
      <c r="B5" s="201" t="s">
        <v>12</v>
      </c>
      <c r="C5" s="202" t="s">
        <v>8</v>
      </c>
      <c r="D5" s="202" t="s">
        <v>63</v>
      </c>
      <c r="E5" s="224"/>
      <c r="F5" s="224"/>
    </row>
    <row r="6" spans="1:10" s="224" customFormat="1">
      <c r="A6" s="172">
        <v>1</v>
      </c>
      <c r="B6" s="174" t="s">
        <v>691</v>
      </c>
      <c r="C6" s="200">
        <v>18280.422012228999</v>
      </c>
      <c r="D6" s="200">
        <v>1462.4337609783199</v>
      </c>
    </row>
    <row r="7" spans="1:10" s="224" customFormat="1">
      <c r="A7" s="172">
        <v>2</v>
      </c>
      <c r="B7" s="173" t="s">
        <v>447</v>
      </c>
      <c r="C7" s="178">
        <v>-2669.5588711163382</v>
      </c>
      <c r="D7" s="178">
        <v>-213.56470968930705</v>
      </c>
    </row>
    <row r="8" spans="1:10" s="224" customFormat="1">
      <c r="A8" s="172">
        <v>3</v>
      </c>
      <c r="B8" s="173" t="s">
        <v>448</v>
      </c>
      <c r="C8" s="178">
        <v>465.67906132679303</v>
      </c>
      <c r="D8" s="178">
        <v>37.254324906143445</v>
      </c>
    </row>
    <row r="9" spans="1:10" s="224" customFormat="1">
      <c r="A9" s="172">
        <v>4</v>
      </c>
      <c r="B9" s="173" t="s">
        <v>449</v>
      </c>
      <c r="C9" s="178"/>
      <c r="D9" s="178"/>
    </row>
    <row r="10" spans="1:10" s="224" customFormat="1">
      <c r="A10" s="172">
        <v>5</v>
      </c>
      <c r="B10" s="173" t="s">
        <v>450</v>
      </c>
      <c r="C10" s="178"/>
      <c r="D10" s="178"/>
    </row>
    <row r="11" spans="1:10" s="224" customFormat="1">
      <c r="A11" s="172">
        <v>6</v>
      </c>
      <c r="B11" s="173" t="s">
        <v>142</v>
      </c>
      <c r="C11" s="178"/>
      <c r="D11" s="178"/>
    </row>
    <row r="12" spans="1:10" s="224" customFormat="1">
      <c r="A12" s="172">
        <v>7</v>
      </c>
      <c r="B12" s="173" t="s">
        <v>143</v>
      </c>
      <c r="C12" s="178">
        <v>-194.06277084345493</v>
      </c>
      <c r="D12" s="178">
        <v>-15.525021667476395</v>
      </c>
    </row>
    <row r="13" spans="1:10" s="224" customFormat="1">
      <c r="A13" s="172">
        <v>8</v>
      </c>
      <c r="B13" s="176" t="s">
        <v>109</v>
      </c>
      <c r="C13" s="203"/>
      <c r="D13" s="315"/>
    </row>
    <row r="14" spans="1:10" s="224" customFormat="1">
      <c r="A14" s="172">
        <v>9</v>
      </c>
      <c r="B14" s="174" t="s">
        <v>690</v>
      </c>
      <c r="C14" s="200">
        <v>15882.479431595999</v>
      </c>
      <c r="D14" s="200">
        <v>1270.5983545276799</v>
      </c>
      <c r="G14" s="248"/>
      <c r="H14" s="248"/>
      <c r="I14" s="248"/>
      <c r="J14" s="248"/>
    </row>
    <row r="15" spans="1:10" s="224" customFormat="1">
      <c r="A15" s="172"/>
      <c r="B15" s="174"/>
    </row>
    <row r="16" spans="1:10">
      <c r="E16" s="224"/>
      <c r="F16" s="224"/>
    </row>
    <row r="17" spans="5:6">
      <c r="E17" s="224"/>
      <c r="F17" s="224"/>
    </row>
  </sheetData>
  <pageMargins left="0.70866141732283472" right="0.70866141732283472" top="0.74803149606299213" bottom="0.74803149606299213" header="0.31496062992125984" footer="0.31496062992125984"/>
  <pageSetup paperSize="9" orientation="landscape" r:id="rId1"/>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2F00-000000000000}">
  <sheetPr codeName="Sheet14">
    <pageSetUpPr fitToPage="1"/>
  </sheetPr>
  <dimension ref="A1:K22"/>
  <sheetViews>
    <sheetView zoomScaleNormal="100" workbookViewId="0">
      <selection activeCell="B3" sqref="B3"/>
    </sheetView>
  </sheetViews>
  <sheetFormatPr defaultColWidth="8.75" defaultRowHeight="13"/>
  <cols>
    <col min="1" max="1" width="9.75" style="1" customWidth="1"/>
    <col min="2" max="2" width="56.08203125" style="7" bestFit="1" customWidth="1"/>
    <col min="3" max="19" width="16.58203125" style="1" customWidth="1"/>
    <col min="20" max="16384" width="8.75" style="1"/>
  </cols>
  <sheetData>
    <row r="1" spans="1:11" s="224" customFormat="1">
      <c r="A1" s="652" t="s">
        <v>685</v>
      </c>
      <c r="B1" s="652"/>
      <c r="C1" s="6"/>
    </row>
    <row r="2" spans="1:11" s="224" customFormat="1">
      <c r="B2" s="246"/>
      <c r="H2" s="280"/>
      <c r="I2" s="101"/>
    </row>
    <row r="3" spans="1:11" s="224" customFormat="1">
      <c r="B3" s="226" t="s">
        <v>226</v>
      </c>
      <c r="F3" s="278"/>
      <c r="G3" s="278"/>
      <c r="H3" s="281"/>
    </row>
    <row r="4" spans="1:11" s="222" customFormat="1">
      <c r="B4" s="225"/>
      <c r="C4" s="4" t="s">
        <v>1</v>
      </c>
      <c r="D4" s="4" t="s">
        <v>2</v>
      </c>
      <c r="E4" s="4" t="s">
        <v>3</v>
      </c>
      <c r="F4" s="4" t="s">
        <v>9</v>
      </c>
      <c r="G4" s="4" t="s">
        <v>10</v>
      </c>
      <c r="H4" s="4" t="s">
        <v>11</v>
      </c>
      <c r="I4" s="4" t="s">
        <v>418</v>
      </c>
      <c r="J4" s="224"/>
      <c r="K4" s="224"/>
    </row>
    <row r="5" spans="1:11" s="3" customFormat="1" ht="19.5" customHeight="1">
      <c r="B5" s="787" t="s">
        <v>12</v>
      </c>
      <c r="C5" s="963" t="s">
        <v>134</v>
      </c>
      <c r="D5" s="963" t="s">
        <v>135</v>
      </c>
      <c r="E5" s="963" t="s">
        <v>136</v>
      </c>
      <c r="F5" s="963" t="s">
        <v>137</v>
      </c>
      <c r="G5" s="963" t="s">
        <v>109</v>
      </c>
      <c r="H5" s="963" t="s">
        <v>458</v>
      </c>
      <c r="I5" s="963" t="s">
        <v>138</v>
      </c>
      <c r="J5" s="224"/>
      <c r="K5" s="224"/>
    </row>
    <row r="6" spans="1:11" s="3" customFormat="1" ht="19.5" customHeight="1">
      <c r="B6" s="784"/>
      <c r="C6" s="951"/>
      <c r="D6" s="951"/>
      <c r="E6" s="951"/>
      <c r="F6" s="951"/>
      <c r="G6" s="951"/>
      <c r="H6" s="951"/>
      <c r="I6" s="951"/>
      <c r="J6" s="224"/>
      <c r="K6" s="224"/>
    </row>
    <row r="7" spans="1:11" s="224" customFormat="1">
      <c r="A7" s="172">
        <v>1</v>
      </c>
      <c r="B7" s="174" t="s">
        <v>691</v>
      </c>
      <c r="C7" s="155">
        <v>8246.5871876375004</v>
      </c>
      <c r="D7" s="155">
        <v>14986.0914894625</v>
      </c>
      <c r="E7" s="155"/>
      <c r="F7" s="155"/>
      <c r="G7" s="155"/>
      <c r="H7" s="155">
        <v>23232.678677100001</v>
      </c>
      <c r="I7" s="155">
        <v>1858.614294168</v>
      </c>
    </row>
    <row r="8" spans="1:11" s="224" customFormat="1">
      <c r="A8" s="194" t="s">
        <v>428</v>
      </c>
      <c r="B8" s="173" t="s">
        <v>144</v>
      </c>
      <c r="C8" s="153">
        <v>-5948.9142767237663</v>
      </c>
      <c r="D8" s="153">
        <v>-8382.7310869557332</v>
      </c>
      <c r="E8" s="153"/>
      <c r="F8" s="153"/>
      <c r="G8" s="153"/>
      <c r="H8" s="153">
        <v>-14331.645363679499</v>
      </c>
      <c r="I8" s="153">
        <v>-1146.5316290943599</v>
      </c>
      <c r="J8" s="248"/>
    </row>
    <row r="9" spans="1:11" s="224" customFormat="1">
      <c r="A9" s="194" t="s">
        <v>429</v>
      </c>
      <c r="B9" s="173" t="s">
        <v>654</v>
      </c>
      <c r="C9" s="153">
        <v>2297.6729109137336</v>
      </c>
      <c r="D9" s="153">
        <v>6603.3604025067671</v>
      </c>
      <c r="E9" s="153"/>
      <c r="F9" s="153"/>
      <c r="G9" s="153"/>
      <c r="H9" s="153">
        <v>8901.0333134205011</v>
      </c>
      <c r="I9" s="153">
        <v>712.0826650736401</v>
      </c>
      <c r="J9" s="248"/>
    </row>
    <row r="10" spans="1:11" s="224" customFormat="1">
      <c r="A10" s="172">
        <v>2</v>
      </c>
      <c r="B10" s="173" t="s">
        <v>139</v>
      </c>
      <c r="C10" s="153">
        <v>503.89599952661365</v>
      </c>
      <c r="D10" s="153">
        <v>-1299.5865247676584</v>
      </c>
      <c r="E10" s="153"/>
      <c r="F10" s="153"/>
      <c r="G10" s="153"/>
      <c r="H10" s="153">
        <v>-795.69052524104472</v>
      </c>
      <c r="I10" s="153">
        <v>-63.655242019283577</v>
      </c>
      <c r="J10" s="248"/>
    </row>
    <row r="11" spans="1:11" s="224" customFormat="1">
      <c r="A11" s="172">
        <v>3</v>
      </c>
      <c r="B11" s="173" t="s">
        <v>140</v>
      </c>
      <c r="C11" s="153">
        <v>25.298151294975924</v>
      </c>
      <c r="D11" s="153"/>
      <c r="E11" s="153"/>
      <c r="F11" s="153"/>
      <c r="G11" s="153"/>
      <c r="H11" s="153">
        <v>25.298151294975924</v>
      </c>
      <c r="I11" s="153">
        <v>2.0238521035980739</v>
      </c>
      <c r="J11" s="248"/>
    </row>
    <row r="12" spans="1:11" s="224" customFormat="1">
      <c r="A12" s="172">
        <v>4</v>
      </c>
      <c r="B12" s="173" t="s">
        <v>141</v>
      </c>
      <c r="C12" s="153"/>
      <c r="D12" s="153"/>
      <c r="E12" s="153"/>
      <c r="F12" s="153"/>
      <c r="G12" s="153"/>
      <c r="H12" s="153"/>
      <c r="I12" s="153"/>
      <c r="J12" s="248"/>
    </row>
    <row r="13" spans="1:11" s="224" customFormat="1">
      <c r="A13" s="172">
        <v>5</v>
      </c>
      <c r="B13" s="173" t="s">
        <v>142</v>
      </c>
      <c r="C13" s="153"/>
      <c r="D13" s="153"/>
      <c r="E13" s="153"/>
      <c r="F13" s="153"/>
      <c r="G13" s="153"/>
      <c r="H13" s="153"/>
      <c r="I13" s="153"/>
      <c r="J13" s="248"/>
    </row>
    <row r="14" spans="1:11" s="224" customFormat="1">
      <c r="A14" s="172">
        <v>6</v>
      </c>
      <c r="B14" s="173" t="s">
        <v>143</v>
      </c>
      <c r="C14" s="153"/>
      <c r="D14" s="153"/>
      <c r="E14" s="153"/>
      <c r="F14" s="153"/>
      <c r="G14" s="153"/>
      <c r="H14" s="153"/>
      <c r="I14" s="153"/>
      <c r="J14" s="248"/>
    </row>
    <row r="15" spans="1:11" s="224" customFormat="1">
      <c r="A15" s="172">
        <v>7</v>
      </c>
      <c r="B15" s="173" t="s">
        <v>109</v>
      </c>
      <c r="C15" s="153">
        <v>-102</v>
      </c>
      <c r="D15" s="153"/>
      <c r="E15" s="153"/>
      <c r="F15" s="153"/>
      <c r="G15" s="153"/>
      <c r="H15" s="153">
        <v>-102</v>
      </c>
      <c r="I15" s="153">
        <v>-8.16</v>
      </c>
      <c r="J15" s="248"/>
    </row>
    <row r="16" spans="1:11" s="224" customFormat="1">
      <c r="A16" s="194" t="s">
        <v>430</v>
      </c>
      <c r="B16" s="173" t="s">
        <v>459</v>
      </c>
      <c r="C16" s="153">
        <v>2724.6099796250878</v>
      </c>
      <c r="D16" s="153">
        <v>5303.7738777391087</v>
      </c>
      <c r="E16" s="153"/>
      <c r="F16" s="153"/>
      <c r="G16" s="153"/>
      <c r="H16" s="153">
        <v>8028.383857364197</v>
      </c>
      <c r="I16" s="153">
        <v>642.27070858913578</v>
      </c>
      <c r="J16" s="248"/>
    </row>
    <row r="17" spans="1:11" s="224" customFormat="1">
      <c r="A17" s="194" t="s">
        <v>431</v>
      </c>
      <c r="B17" s="176" t="s">
        <v>144</v>
      </c>
      <c r="C17" s="154">
        <v>5909.8728059249133</v>
      </c>
      <c r="D17" s="154">
        <v>14149.696725785892</v>
      </c>
      <c r="E17" s="154"/>
      <c r="F17" s="154"/>
      <c r="G17" s="154"/>
      <c r="H17" s="154">
        <v>20059.569531710804</v>
      </c>
      <c r="I17" s="154">
        <v>1604.7655625368643</v>
      </c>
      <c r="J17" s="248"/>
    </row>
    <row r="18" spans="1:11" s="224" customFormat="1">
      <c r="A18" s="172">
        <v>8</v>
      </c>
      <c r="B18" s="174" t="s">
        <v>692</v>
      </c>
      <c r="C18" s="155">
        <v>8634.4827855500007</v>
      </c>
      <c r="D18" s="155">
        <v>19453.470603525002</v>
      </c>
      <c r="E18" s="155"/>
      <c r="F18" s="155"/>
      <c r="G18" s="155"/>
      <c r="H18" s="155">
        <v>28088</v>
      </c>
      <c r="I18" s="155">
        <v>2247.04</v>
      </c>
      <c r="J18" s="248"/>
    </row>
    <row r="19" spans="1:11" s="222" customFormat="1">
      <c r="B19" s="7"/>
      <c r="C19" s="248"/>
      <c r="D19" s="248"/>
      <c r="E19" s="224"/>
      <c r="F19" s="224"/>
      <c r="G19" s="224"/>
      <c r="H19" s="281"/>
      <c r="J19" s="224"/>
      <c r="K19" s="224"/>
    </row>
    <row r="20" spans="1:11">
      <c r="C20" s="233"/>
      <c r="I20" s="101"/>
      <c r="J20" s="224"/>
      <c r="K20" s="224"/>
    </row>
    <row r="21" spans="1:11">
      <c r="C21" s="233"/>
    </row>
    <row r="22" spans="1:11">
      <c r="C22" s="233"/>
    </row>
  </sheetData>
  <mergeCells count="8">
    <mergeCell ref="G5:G6"/>
    <mergeCell ref="H5:H6"/>
    <mergeCell ref="I5:I6"/>
    <mergeCell ref="B5:B6"/>
    <mergeCell ref="C5:C6"/>
    <mergeCell ref="D5:D6"/>
    <mergeCell ref="E5:E6"/>
    <mergeCell ref="F5:F6"/>
  </mergeCells>
  <pageMargins left="0.70866141732283472" right="0.70866141732283472" top="0.74803149606299213" bottom="0.74803149606299213" header="0.31496062992125984" footer="0.31496062992125984"/>
  <pageSetup paperSize="9" scale="67" orientation="landscape" r:id="rId1"/>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3000-000000000000}">
  <sheetPr codeName="Sheet15"/>
  <dimension ref="A1:I15"/>
  <sheetViews>
    <sheetView zoomScaleNormal="100" workbookViewId="0">
      <selection activeCell="B3" sqref="B3"/>
    </sheetView>
  </sheetViews>
  <sheetFormatPr defaultColWidth="9" defaultRowHeight="13"/>
  <cols>
    <col min="1" max="1" width="6.83203125" style="9" customWidth="1"/>
    <col min="2" max="2" width="45.33203125" style="9" customWidth="1"/>
    <col min="3" max="3" width="17.33203125" style="227" customWidth="1"/>
    <col min="4" max="4" width="13.5" style="227" customWidth="1"/>
    <col min="5" max="256" width="9" style="9"/>
    <col min="257" max="257" width="7.58203125" style="9" customWidth="1"/>
    <col min="258" max="258" width="45.33203125" style="9" customWidth="1"/>
    <col min="259" max="260" width="13.5" style="9" customWidth="1"/>
    <col min="261" max="512" width="9" style="9"/>
    <col min="513" max="513" width="7.58203125" style="9" customWidth="1"/>
    <col min="514" max="514" width="45.33203125" style="9" customWidth="1"/>
    <col min="515" max="516" width="13.5" style="9" customWidth="1"/>
    <col min="517" max="768" width="9" style="9"/>
    <col min="769" max="769" width="7.58203125" style="9" customWidth="1"/>
    <col min="770" max="770" width="45.33203125" style="9" customWidth="1"/>
    <col min="771" max="772" width="13.5" style="9" customWidth="1"/>
    <col min="773" max="1024" width="9" style="9"/>
    <col min="1025" max="1025" width="7.58203125" style="9" customWidth="1"/>
    <col min="1026" max="1026" width="45.33203125" style="9" customWidth="1"/>
    <col min="1027" max="1028" width="13.5" style="9" customWidth="1"/>
    <col min="1029" max="1280" width="9" style="9"/>
    <col min="1281" max="1281" width="7.58203125" style="9" customWidth="1"/>
    <col min="1282" max="1282" width="45.33203125" style="9" customWidth="1"/>
    <col min="1283" max="1284" width="13.5" style="9" customWidth="1"/>
    <col min="1285" max="1536" width="9" style="9"/>
    <col min="1537" max="1537" width="7.58203125" style="9" customWidth="1"/>
    <col min="1538" max="1538" width="45.33203125" style="9" customWidth="1"/>
    <col min="1539" max="1540" width="13.5" style="9" customWidth="1"/>
    <col min="1541" max="1792" width="9" style="9"/>
    <col min="1793" max="1793" width="7.58203125" style="9" customWidth="1"/>
    <col min="1794" max="1794" width="45.33203125" style="9" customWidth="1"/>
    <col min="1795" max="1796" width="13.5" style="9" customWidth="1"/>
    <col min="1797" max="2048" width="9" style="9"/>
    <col min="2049" max="2049" width="7.58203125" style="9" customWidth="1"/>
    <col min="2050" max="2050" width="45.33203125" style="9" customWidth="1"/>
    <col min="2051" max="2052" width="13.5" style="9" customWidth="1"/>
    <col min="2053" max="2304" width="9" style="9"/>
    <col min="2305" max="2305" width="7.58203125" style="9" customWidth="1"/>
    <col min="2306" max="2306" width="45.33203125" style="9" customWidth="1"/>
    <col min="2307" max="2308" width="13.5" style="9" customWidth="1"/>
    <col min="2309" max="2560" width="9" style="9"/>
    <col min="2561" max="2561" width="7.58203125" style="9" customWidth="1"/>
    <col min="2562" max="2562" width="45.33203125" style="9" customWidth="1"/>
    <col min="2563" max="2564" width="13.5" style="9" customWidth="1"/>
    <col min="2565" max="2816" width="9" style="9"/>
    <col min="2817" max="2817" width="7.58203125" style="9" customWidth="1"/>
    <col min="2818" max="2818" width="45.33203125" style="9" customWidth="1"/>
    <col min="2819" max="2820" width="13.5" style="9" customWidth="1"/>
    <col min="2821" max="3072" width="9" style="9"/>
    <col min="3073" max="3073" width="7.58203125" style="9" customWidth="1"/>
    <col min="3074" max="3074" width="45.33203125" style="9" customWidth="1"/>
    <col min="3075" max="3076" width="13.5" style="9" customWidth="1"/>
    <col min="3077" max="3328" width="9" style="9"/>
    <col min="3329" max="3329" width="7.58203125" style="9" customWidth="1"/>
    <col min="3330" max="3330" width="45.33203125" style="9" customWidth="1"/>
    <col min="3331" max="3332" width="13.5" style="9" customWidth="1"/>
    <col min="3333" max="3584" width="9" style="9"/>
    <col min="3585" max="3585" width="7.58203125" style="9" customWidth="1"/>
    <col min="3586" max="3586" width="45.33203125" style="9" customWidth="1"/>
    <col min="3587" max="3588" width="13.5" style="9" customWidth="1"/>
    <col min="3589" max="3840" width="9" style="9"/>
    <col min="3841" max="3841" width="7.58203125" style="9" customWidth="1"/>
    <col min="3842" max="3842" width="45.33203125" style="9" customWidth="1"/>
    <col min="3843" max="3844" width="13.5" style="9" customWidth="1"/>
    <col min="3845" max="4096" width="9" style="9"/>
    <col min="4097" max="4097" width="7.58203125" style="9" customWidth="1"/>
    <col min="4098" max="4098" width="45.33203125" style="9" customWidth="1"/>
    <col min="4099" max="4100" width="13.5" style="9" customWidth="1"/>
    <col min="4101" max="4352" width="9" style="9"/>
    <col min="4353" max="4353" width="7.58203125" style="9" customWidth="1"/>
    <col min="4354" max="4354" width="45.33203125" style="9" customWidth="1"/>
    <col min="4355" max="4356" width="13.5" style="9" customWidth="1"/>
    <col min="4357" max="4608" width="9" style="9"/>
    <col min="4609" max="4609" width="7.58203125" style="9" customWidth="1"/>
    <col min="4610" max="4610" width="45.33203125" style="9" customWidth="1"/>
    <col min="4611" max="4612" width="13.5" style="9" customWidth="1"/>
    <col min="4613" max="4864" width="9" style="9"/>
    <col min="4865" max="4865" width="7.58203125" style="9" customWidth="1"/>
    <col min="4866" max="4866" width="45.33203125" style="9" customWidth="1"/>
    <col min="4867" max="4868" width="13.5" style="9" customWidth="1"/>
    <col min="4869" max="5120" width="9" style="9"/>
    <col min="5121" max="5121" width="7.58203125" style="9" customWidth="1"/>
    <col min="5122" max="5122" width="45.33203125" style="9" customWidth="1"/>
    <col min="5123" max="5124" width="13.5" style="9" customWidth="1"/>
    <col min="5125" max="5376" width="9" style="9"/>
    <col min="5377" max="5377" width="7.58203125" style="9" customWidth="1"/>
    <col min="5378" max="5378" width="45.33203125" style="9" customWidth="1"/>
    <col min="5379" max="5380" width="13.5" style="9" customWidth="1"/>
    <col min="5381" max="5632" width="9" style="9"/>
    <col min="5633" max="5633" width="7.58203125" style="9" customWidth="1"/>
    <col min="5634" max="5634" width="45.33203125" style="9" customWidth="1"/>
    <col min="5635" max="5636" width="13.5" style="9" customWidth="1"/>
    <col min="5637" max="5888" width="9" style="9"/>
    <col min="5889" max="5889" width="7.58203125" style="9" customWidth="1"/>
    <col min="5890" max="5890" width="45.33203125" style="9" customWidth="1"/>
    <col min="5891" max="5892" width="13.5" style="9" customWidth="1"/>
    <col min="5893" max="6144" width="9" style="9"/>
    <col min="6145" max="6145" width="7.58203125" style="9" customWidth="1"/>
    <col min="6146" max="6146" width="45.33203125" style="9" customWidth="1"/>
    <col min="6147" max="6148" width="13.5" style="9" customWidth="1"/>
    <col min="6149" max="6400" width="9" style="9"/>
    <col min="6401" max="6401" width="7.58203125" style="9" customWidth="1"/>
    <col min="6402" max="6402" width="45.33203125" style="9" customWidth="1"/>
    <col min="6403" max="6404" width="13.5" style="9" customWidth="1"/>
    <col min="6405" max="6656" width="9" style="9"/>
    <col min="6657" max="6657" width="7.58203125" style="9" customWidth="1"/>
    <col min="6658" max="6658" width="45.33203125" style="9" customWidth="1"/>
    <col min="6659" max="6660" width="13.5" style="9" customWidth="1"/>
    <col min="6661" max="6912" width="9" style="9"/>
    <col min="6913" max="6913" width="7.58203125" style="9" customWidth="1"/>
    <col min="6914" max="6914" width="45.33203125" style="9" customWidth="1"/>
    <col min="6915" max="6916" width="13.5" style="9" customWidth="1"/>
    <col min="6917" max="7168" width="9" style="9"/>
    <col min="7169" max="7169" width="7.58203125" style="9" customWidth="1"/>
    <col min="7170" max="7170" width="45.33203125" style="9" customWidth="1"/>
    <col min="7171" max="7172" width="13.5" style="9" customWidth="1"/>
    <col min="7173" max="7424" width="9" style="9"/>
    <col min="7425" max="7425" width="7.58203125" style="9" customWidth="1"/>
    <col min="7426" max="7426" width="45.33203125" style="9" customWidth="1"/>
    <col min="7427" max="7428" width="13.5" style="9" customWidth="1"/>
    <col min="7429" max="7680" width="9" style="9"/>
    <col min="7681" max="7681" width="7.58203125" style="9" customWidth="1"/>
    <col min="7682" max="7682" width="45.33203125" style="9" customWidth="1"/>
    <col min="7683" max="7684" width="13.5" style="9" customWidth="1"/>
    <col min="7685" max="7936" width="9" style="9"/>
    <col min="7937" max="7937" width="7.58203125" style="9" customWidth="1"/>
    <col min="7938" max="7938" width="45.33203125" style="9" customWidth="1"/>
    <col min="7939" max="7940" width="13.5" style="9" customWidth="1"/>
    <col min="7941" max="8192" width="9" style="9"/>
    <col min="8193" max="8193" width="7.58203125" style="9" customWidth="1"/>
    <col min="8194" max="8194" width="45.33203125" style="9" customWidth="1"/>
    <col min="8195" max="8196" width="13.5" style="9" customWidth="1"/>
    <col min="8197" max="8448" width="9" style="9"/>
    <col min="8449" max="8449" width="7.58203125" style="9" customWidth="1"/>
    <col min="8450" max="8450" width="45.33203125" style="9" customWidth="1"/>
    <col min="8451" max="8452" width="13.5" style="9" customWidth="1"/>
    <col min="8453" max="8704" width="9" style="9"/>
    <col min="8705" max="8705" width="7.58203125" style="9" customWidth="1"/>
    <col min="8706" max="8706" width="45.33203125" style="9" customWidth="1"/>
    <col min="8707" max="8708" width="13.5" style="9" customWidth="1"/>
    <col min="8709" max="8960" width="9" style="9"/>
    <col min="8961" max="8961" width="7.58203125" style="9" customWidth="1"/>
    <col min="8962" max="8962" width="45.33203125" style="9" customWidth="1"/>
    <col min="8963" max="8964" width="13.5" style="9" customWidth="1"/>
    <col min="8965" max="9216" width="9" style="9"/>
    <col min="9217" max="9217" width="7.58203125" style="9" customWidth="1"/>
    <col min="9218" max="9218" width="45.33203125" style="9" customWidth="1"/>
    <col min="9219" max="9220" width="13.5" style="9" customWidth="1"/>
    <col min="9221" max="9472" width="9" style="9"/>
    <col min="9473" max="9473" width="7.58203125" style="9" customWidth="1"/>
    <col min="9474" max="9474" width="45.33203125" style="9" customWidth="1"/>
    <col min="9475" max="9476" width="13.5" style="9" customWidth="1"/>
    <col min="9477" max="9728" width="9" style="9"/>
    <col min="9729" max="9729" width="7.58203125" style="9" customWidth="1"/>
    <col min="9730" max="9730" width="45.33203125" style="9" customWidth="1"/>
    <col min="9731" max="9732" width="13.5" style="9" customWidth="1"/>
    <col min="9733" max="9984" width="9" style="9"/>
    <col min="9985" max="9985" width="7.58203125" style="9" customWidth="1"/>
    <col min="9986" max="9986" width="45.33203125" style="9" customWidth="1"/>
    <col min="9987" max="9988" width="13.5" style="9" customWidth="1"/>
    <col min="9989" max="10240" width="9" style="9"/>
    <col min="10241" max="10241" width="7.58203125" style="9" customWidth="1"/>
    <col min="10242" max="10242" width="45.33203125" style="9" customWidth="1"/>
    <col min="10243" max="10244" width="13.5" style="9" customWidth="1"/>
    <col min="10245" max="10496" width="9" style="9"/>
    <col min="10497" max="10497" width="7.58203125" style="9" customWidth="1"/>
    <col min="10498" max="10498" width="45.33203125" style="9" customWidth="1"/>
    <col min="10499" max="10500" width="13.5" style="9" customWidth="1"/>
    <col min="10501" max="10752" width="9" style="9"/>
    <col min="10753" max="10753" width="7.58203125" style="9" customWidth="1"/>
    <col min="10754" max="10754" width="45.33203125" style="9" customWidth="1"/>
    <col min="10755" max="10756" width="13.5" style="9" customWidth="1"/>
    <col min="10757" max="11008" width="9" style="9"/>
    <col min="11009" max="11009" width="7.58203125" style="9" customWidth="1"/>
    <col min="11010" max="11010" width="45.33203125" style="9" customWidth="1"/>
    <col min="11011" max="11012" width="13.5" style="9" customWidth="1"/>
    <col min="11013" max="11264" width="9" style="9"/>
    <col min="11265" max="11265" width="7.58203125" style="9" customWidth="1"/>
    <col min="11266" max="11266" width="45.33203125" style="9" customWidth="1"/>
    <col min="11267" max="11268" width="13.5" style="9" customWidth="1"/>
    <col min="11269" max="11520" width="9" style="9"/>
    <col min="11521" max="11521" width="7.58203125" style="9" customWidth="1"/>
    <col min="11522" max="11522" width="45.33203125" style="9" customWidth="1"/>
    <col min="11523" max="11524" width="13.5" style="9" customWidth="1"/>
    <col min="11525" max="11776" width="9" style="9"/>
    <col min="11777" max="11777" width="7.58203125" style="9" customWidth="1"/>
    <col min="11778" max="11778" width="45.33203125" style="9" customWidth="1"/>
    <col min="11779" max="11780" width="13.5" style="9" customWidth="1"/>
    <col min="11781" max="12032" width="9" style="9"/>
    <col min="12033" max="12033" width="7.58203125" style="9" customWidth="1"/>
    <col min="12034" max="12034" width="45.33203125" style="9" customWidth="1"/>
    <col min="12035" max="12036" width="13.5" style="9" customWidth="1"/>
    <col min="12037" max="12288" width="9" style="9"/>
    <col min="12289" max="12289" width="7.58203125" style="9" customWidth="1"/>
    <col min="12290" max="12290" width="45.33203125" style="9" customWidth="1"/>
    <col min="12291" max="12292" width="13.5" style="9" customWidth="1"/>
    <col min="12293" max="12544" width="9" style="9"/>
    <col min="12545" max="12545" width="7.58203125" style="9" customWidth="1"/>
    <col min="12546" max="12546" width="45.33203125" style="9" customWidth="1"/>
    <col min="12547" max="12548" width="13.5" style="9" customWidth="1"/>
    <col min="12549" max="12800" width="9" style="9"/>
    <col min="12801" max="12801" width="7.58203125" style="9" customWidth="1"/>
    <col min="12802" max="12802" width="45.33203125" style="9" customWidth="1"/>
    <col min="12803" max="12804" width="13.5" style="9" customWidth="1"/>
    <col min="12805" max="13056" width="9" style="9"/>
    <col min="13057" max="13057" width="7.58203125" style="9" customWidth="1"/>
    <col min="13058" max="13058" width="45.33203125" style="9" customWidth="1"/>
    <col min="13059" max="13060" width="13.5" style="9" customWidth="1"/>
    <col min="13061" max="13312" width="9" style="9"/>
    <col min="13313" max="13313" width="7.58203125" style="9" customWidth="1"/>
    <col min="13314" max="13314" width="45.33203125" style="9" customWidth="1"/>
    <col min="13315" max="13316" width="13.5" style="9" customWidth="1"/>
    <col min="13317" max="13568" width="9" style="9"/>
    <col min="13569" max="13569" width="7.58203125" style="9" customWidth="1"/>
    <col min="13570" max="13570" width="45.33203125" style="9" customWidth="1"/>
    <col min="13571" max="13572" width="13.5" style="9" customWidth="1"/>
    <col min="13573" max="13824" width="9" style="9"/>
    <col min="13825" max="13825" width="7.58203125" style="9" customWidth="1"/>
    <col min="13826" max="13826" width="45.33203125" style="9" customWidth="1"/>
    <col min="13827" max="13828" width="13.5" style="9" customWidth="1"/>
    <col min="13829" max="14080" width="9" style="9"/>
    <col min="14081" max="14081" width="7.58203125" style="9" customWidth="1"/>
    <col min="14082" max="14082" width="45.33203125" style="9" customWidth="1"/>
    <col min="14083" max="14084" width="13.5" style="9" customWidth="1"/>
    <col min="14085" max="14336" width="9" style="9"/>
    <col min="14337" max="14337" width="7.58203125" style="9" customWidth="1"/>
    <col min="14338" max="14338" width="45.33203125" style="9" customWidth="1"/>
    <col min="14339" max="14340" width="13.5" style="9" customWidth="1"/>
    <col min="14341" max="14592" width="9" style="9"/>
    <col min="14593" max="14593" width="7.58203125" style="9" customWidth="1"/>
    <col min="14594" max="14594" width="45.33203125" style="9" customWidth="1"/>
    <col min="14595" max="14596" width="13.5" style="9" customWidth="1"/>
    <col min="14597" max="14848" width="9" style="9"/>
    <col min="14849" max="14849" width="7.58203125" style="9" customWidth="1"/>
    <col min="14850" max="14850" width="45.33203125" style="9" customWidth="1"/>
    <col min="14851" max="14852" width="13.5" style="9" customWidth="1"/>
    <col min="14853" max="15104" width="9" style="9"/>
    <col min="15105" max="15105" width="7.58203125" style="9" customWidth="1"/>
    <col min="15106" max="15106" width="45.33203125" style="9" customWidth="1"/>
    <col min="15107" max="15108" width="13.5" style="9" customWidth="1"/>
    <col min="15109" max="15360" width="9" style="9"/>
    <col min="15361" max="15361" width="7.58203125" style="9" customWidth="1"/>
    <col min="15362" max="15362" width="45.33203125" style="9" customWidth="1"/>
    <col min="15363" max="15364" width="13.5" style="9" customWidth="1"/>
    <col min="15365" max="15616" width="9" style="9"/>
    <col min="15617" max="15617" width="7.58203125" style="9" customWidth="1"/>
    <col min="15618" max="15618" width="45.33203125" style="9" customWidth="1"/>
    <col min="15619" max="15620" width="13.5" style="9" customWidth="1"/>
    <col min="15621" max="15872" width="9" style="9"/>
    <col min="15873" max="15873" width="7.58203125" style="9" customWidth="1"/>
    <col min="15874" max="15874" width="45.33203125" style="9" customWidth="1"/>
    <col min="15875" max="15876" width="13.5" style="9" customWidth="1"/>
    <col min="15877" max="16128" width="9" style="9"/>
    <col min="16129" max="16129" width="7.58203125" style="9" customWidth="1"/>
    <col min="16130" max="16130" width="45.33203125" style="9" customWidth="1"/>
    <col min="16131" max="16132" width="13.5" style="9" customWidth="1"/>
    <col min="16133" max="16384" width="9" style="9"/>
  </cols>
  <sheetData>
    <row r="1" spans="1:9" s="228" customFormat="1" ht="13.15" customHeight="1">
      <c r="A1" s="652" t="s">
        <v>685</v>
      </c>
      <c r="B1" s="652"/>
      <c r="C1" s="6"/>
    </row>
    <row r="2" spans="1:9" s="228" customFormat="1">
      <c r="D2" s="101"/>
    </row>
    <row r="3" spans="1:9" s="228" customFormat="1">
      <c r="A3" s="229"/>
      <c r="B3" s="229" t="s">
        <v>161</v>
      </c>
      <c r="C3" s="229"/>
    </row>
    <row r="5" spans="1:9" ht="15.75" customHeight="1">
      <c r="B5" s="122"/>
      <c r="C5" s="122"/>
      <c r="D5" s="187"/>
    </row>
    <row r="6" spans="1:9" ht="15.75" customHeight="1">
      <c r="B6" s="123" t="s">
        <v>12</v>
      </c>
      <c r="C6" s="124" t="s">
        <v>689</v>
      </c>
      <c r="D6" s="124" t="s">
        <v>687</v>
      </c>
    </row>
    <row r="7" spans="1:9" ht="39">
      <c r="A7" s="20"/>
      <c r="B7" s="26" t="s">
        <v>162</v>
      </c>
      <c r="C7" s="19">
        <v>6653.0209999999997</v>
      </c>
      <c r="D7" s="19">
        <v>6653.0209999999997</v>
      </c>
      <c r="E7" s="20"/>
      <c r="F7" s="20"/>
      <c r="G7" s="20"/>
      <c r="H7" s="20"/>
      <c r="I7" s="20"/>
    </row>
    <row r="8" spans="1:9" s="20" customFormat="1">
      <c r="A8" s="18"/>
      <c r="B8" s="18" t="s">
        <v>163</v>
      </c>
      <c r="C8" s="19">
        <v>16632.552500000002</v>
      </c>
      <c r="D8" s="19">
        <v>16632.552500000002</v>
      </c>
    </row>
    <row r="9" spans="1:9" s="20" customFormat="1">
      <c r="A9" s="18"/>
      <c r="B9" s="18"/>
      <c r="C9" s="18"/>
      <c r="D9" s="19"/>
    </row>
    <row r="10" spans="1:9">
      <c r="A10" s="20"/>
      <c r="B10" s="20"/>
      <c r="C10" s="228"/>
      <c r="D10" s="307"/>
      <c r="E10" s="20"/>
      <c r="F10" s="20"/>
      <c r="G10" s="20"/>
      <c r="H10" s="20"/>
      <c r="I10" s="20"/>
    </row>
    <row r="11" spans="1:9">
      <c r="A11" s="20"/>
      <c r="B11" s="20"/>
      <c r="C11" s="228"/>
      <c r="D11" s="228"/>
      <c r="E11" s="20"/>
      <c r="F11" s="20"/>
      <c r="G11" s="20"/>
      <c r="H11" s="20"/>
      <c r="I11" s="20"/>
    </row>
    <row r="12" spans="1:9">
      <c r="A12" s="20"/>
      <c r="B12" s="20"/>
      <c r="C12" s="228"/>
      <c r="D12" s="228"/>
      <c r="E12" s="20"/>
      <c r="F12" s="20"/>
      <c r="G12" s="20"/>
      <c r="H12" s="20"/>
      <c r="I12" s="20"/>
    </row>
    <row r="13" spans="1:9">
      <c r="A13" s="20"/>
      <c r="B13" s="20"/>
      <c r="C13" s="228"/>
      <c r="D13" s="228"/>
      <c r="E13" s="20"/>
      <c r="F13" s="20"/>
      <c r="G13" s="20"/>
      <c r="H13" s="20"/>
      <c r="I13" s="20"/>
    </row>
    <row r="14" spans="1:9">
      <c r="A14" s="20"/>
      <c r="B14" s="20"/>
      <c r="C14" s="228"/>
      <c r="D14" s="228"/>
      <c r="E14" s="20"/>
      <c r="F14" s="20"/>
      <c r="G14" s="20"/>
      <c r="H14" s="20"/>
      <c r="I14" s="20"/>
    </row>
    <row r="15" spans="1:9">
      <c r="A15" s="20"/>
      <c r="B15" s="20"/>
      <c r="C15" s="228"/>
      <c r="D15" s="228"/>
      <c r="E15" s="20"/>
      <c r="F15" s="20"/>
      <c r="G15" s="20"/>
      <c r="H15" s="20"/>
      <c r="I15" s="20"/>
    </row>
  </sheetData>
  <pageMargins left="0.7" right="0.7" top="0.75" bottom="0.75" header="0.3" footer="0.3"/>
  <pageSetup paperSize="9" scale="98" orientation="portrait" r:id="rId1"/>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3100-000000000000}">
  <sheetPr codeName="Sheet6"/>
  <dimension ref="A1:IG130"/>
  <sheetViews>
    <sheetView zoomScaleNormal="100" workbookViewId="0">
      <selection activeCell="B1" sqref="B1"/>
    </sheetView>
  </sheetViews>
  <sheetFormatPr defaultColWidth="11.08203125" defaultRowHeight="13"/>
  <cols>
    <col min="1" max="1" width="15.75" style="9" customWidth="1"/>
    <col min="2" max="2" width="6.58203125" style="9" customWidth="1"/>
    <col min="3" max="3" width="93" style="9" customWidth="1"/>
    <col min="4" max="4" width="17.08203125" style="90" customWidth="1"/>
    <col min="5" max="5" width="17.08203125" style="440" customWidth="1"/>
    <col min="6" max="6" width="26.25" style="210" bestFit="1" customWidth="1"/>
    <col min="7" max="7" width="11.08203125" style="9"/>
    <col min="8" max="10" width="11.08203125" style="228"/>
    <col min="11" max="246" width="11.08203125" style="9"/>
    <col min="247" max="247" width="7.5" style="9" customWidth="1"/>
    <col min="248" max="248" width="6.58203125" style="9" customWidth="1"/>
    <col min="249" max="249" width="93" style="9" customWidth="1"/>
    <col min="250" max="251" width="17.25" style="9" customWidth="1"/>
    <col min="252" max="502" width="11.08203125" style="9"/>
    <col min="503" max="503" width="7.5" style="9" customWidth="1"/>
    <col min="504" max="504" width="6.58203125" style="9" customWidth="1"/>
    <col min="505" max="505" width="93" style="9" customWidth="1"/>
    <col min="506" max="507" width="17.25" style="9" customWidth="1"/>
    <col min="508" max="758" width="11.08203125" style="9"/>
    <col min="759" max="759" width="7.5" style="9" customWidth="1"/>
    <col min="760" max="760" width="6.58203125" style="9" customWidth="1"/>
    <col min="761" max="761" width="93" style="9" customWidth="1"/>
    <col min="762" max="763" width="17.25" style="9" customWidth="1"/>
    <col min="764" max="1014" width="11.08203125" style="9"/>
    <col min="1015" max="1015" width="7.5" style="9" customWidth="1"/>
    <col min="1016" max="1016" width="6.58203125" style="9" customWidth="1"/>
    <col min="1017" max="1017" width="93" style="9" customWidth="1"/>
    <col min="1018" max="1019" width="17.25" style="9" customWidth="1"/>
    <col min="1020" max="1270" width="11.08203125" style="9"/>
    <col min="1271" max="1271" width="7.5" style="9" customWidth="1"/>
    <col min="1272" max="1272" width="6.58203125" style="9" customWidth="1"/>
    <col min="1273" max="1273" width="93" style="9" customWidth="1"/>
    <col min="1274" max="1275" width="17.25" style="9" customWidth="1"/>
    <col min="1276" max="1526" width="11.08203125" style="9"/>
    <col min="1527" max="1527" width="7.5" style="9" customWidth="1"/>
    <col min="1528" max="1528" width="6.58203125" style="9" customWidth="1"/>
    <col min="1529" max="1529" width="93" style="9" customWidth="1"/>
    <col min="1530" max="1531" width="17.25" style="9" customWidth="1"/>
    <col min="1532" max="1782" width="11.08203125" style="9"/>
    <col min="1783" max="1783" width="7.5" style="9" customWidth="1"/>
    <col min="1784" max="1784" width="6.58203125" style="9" customWidth="1"/>
    <col min="1785" max="1785" width="93" style="9" customWidth="1"/>
    <col min="1786" max="1787" width="17.25" style="9" customWidth="1"/>
    <col min="1788" max="2038" width="11.08203125" style="9"/>
    <col min="2039" max="2039" width="7.5" style="9" customWidth="1"/>
    <col min="2040" max="2040" width="6.58203125" style="9" customWidth="1"/>
    <col min="2041" max="2041" width="93" style="9" customWidth="1"/>
    <col min="2042" max="2043" width="17.25" style="9" customWidth="1"/>
    <col min="2044" max="2294" width="11.08203125" style="9"/>
    <col min="2295" max="2295" width="7.5" style="9" customWidth="1"/>
    <col min="2296" max="2296" width="6.58203125" style="9" customWidth="1"/>
    <col min="2297" max="2297" width="93" style="9" customWidth="1"/>
    <col min="2298" max="2299" width="17.25" style="9" customWidth="1"/>
    <col min="2300" max="2550" width="11.08203125" style="9"/>
    <col min="2551" max="2551" width="7.5" style="9" customWidth="1"/>
    <col min="2552" max="2552" width="6.58203125" style="9" customWidth="1"/>
    <col min="2553" max="2553" width="93" style="9" customWidth="1"/>
    <col min="2554" max="2555" width="17.25" style="9" customWidth="1"/>
    <col min="2556" max="2806" width="11.08203125" style="9"/>
    <col min="2807" max="2807" width="7.5" style="9" customWidth="1"/>
    <col min="2808" max="2808" width="6.58203125" style="9" customWidth="1"/>
    <col min="2809" max="2809" width="93" style="9" customWidth="1"/>
    <col min="2810" max="2811" width="17.25" style="9" customWidth="1"/>
    <col min="2812" max="3062" width="11.08203125" style="9"/>
    <col min="3063" max="3063" width="7.5" style="9" customWidth="1"/>
    <col min="3064" max="3064" width="6.58203125" style="9" customWidth="1"/>
    <col min="3065" max="3065" width="93" style="9" customWidth="1"/>
    <col min="3066" max="3067" width="17.25" style="9" customWidth="1"/>
    <col min="3068" max="3318" width="11.08203125" style="9"/>
    <col min="3319" max="3319" width="7.5" style="9" customWidth="1"/>
    <col min="3320" max="3320" width="6.58203125" style="9" customWidth="1"/>
    <col min="3321" max="3321" width="93" style="9" customWidth="1"/>
    <col min="3322" max="3323" width="17.25" style="9" customWidth="1"/>
    <col min="3324" max="3574" width="11.08203125" style="9"/>
    <col min="3575" max="3575" width="7.5" style="9" customWidth="1"/>
    <col min="3576" max="3576" width="6.58203125" style="9" customWidth="1"/>
    <col min="3577" max="3577" width="93" style="9" customWidth="1"/>
    <col min="3578" max="3579" width="17.25" style="9" customWidth="1"/>
    <col min="3580" max="3830" width="11.08203125" style="9"/>
    <col min="3831" max="3831" width="7.5" style="9" customWidth="1"/>
    <col min="3832" max="3832" width="6.58203125" style="9" customWidth="1"/>
    <col min="3833" max="3833" width="93" style="9" customWidth="1"/>
    <col min="3834" max="3835" width="17.25" style="9" customWidth="1"/>
    <col min="3836" max="4086" width="11.08203125" style="9"/>
    <col min="4087" max="4087" width="7.5" style="9" customWidth="1"/>
    <col min="4088" max="4088" width="6.58203125" style="9" customWidth="1"/>
    <col min="4089" max="4089" width="93" style="9" customWidth="1"/>
    <col min="4090" max="4091" width="17.25" style="9" customWidth="1"/>
    <col min="4092" max="4342" width="11.08203125" style="9"/>
    <col min="4343" max="4343" width="7.5" style="9" customWidth="1"/>
    <col min="4344" max="4344" width="6.58203125" style="9" customWidth="1"/>
    <col min="4345" max="4345" width="93" style="9" customWidth="1"/>
    <col min="4346" max="4347" width="17.25" style="9" customWidth="1"/>
    <col min="4348" max="4598" width="11.08203125" style="9"/>
    <col min="4599" max="4599" width="7.5" style="9" customWidth="1"/>
    <col min="4600" max="4600" width="6.58203125" style="9" customWidth="1"/>
    <col min="4601" max="4601" width="93" style="9" customWidth="1"/>
    <col min="4602" max="4603" width="17.25" style="9" customWidth="1"/>
    <col min="4604" max="4854" width="11.08203125" style="9"/>
    <col min="4855" max="4855" width="7.5" style="9" customWidth="1"/>
    <col min="4856" max="4856" width="6.58203125" style="9" customWidth="1"/>
    <col min="4857" max="4857" width="93" style="9" customWidth="1"/>
    <col min="4858" max="4859" width="17.25" style="9" customWidth="1"/>
    <col min="4860" max="5110" width="11.08203125" style="9"/>
    <col min="5111" max="5111" width="7.5" style="9" customWidth="1"/>
    <col min="5112" max="5112" width="6.58203125" style="9" customWidth="1"/>
    <col min="5113" max="5113" width="93" style="9" customWidth="1"/>
    <col min="5114" max="5115" width="17.25" style="9" customWidth="1"/>
    <col min="5116" max="5366" width="11.08203125" style="9"/>
    <col min="5367" max="5367" width="7.5" style="9" customWidth="1"/>
    <col min="5368" max="5368" width="6.58203125" style="9" customWidth="1"/>
    <col min="5369" max="5369" width="93" style="9" customWidth="1"/>
    <col min="5370" max="5371" width="17.25" style="9" customWidth="1"/>
    <col min="5372" max="5622" width="11.08203125" style="9"/>
    <col min="5623" max="5623" width="7.5" style="9" customWidth="1"/>
    <col min="5624" max="5624" width="6.58203125" style="9" customWidth="1"/>
    <col min="5625" max="5625" width="93" style="9" customWidth="1"/>
    <col min="5626" max="5627" width="17.25" style="9" customWidth="1"/>
    <col min="5628" max="5878" width="11.08203125" style="9"/>
    <col min="5879" max="5879" width="7.5" style="9" customWidth="1"/>
    <col min="5880" max="5880" width="6.58203125" style="9" customWidth="1"/>
    <col min="5881" max="5881" width="93" style="9" customWidth="1"/>
    <col min="5882" max="5883" width="17.25" style="9" customWidth="1"/>
    <col min="5884" max="6134" width="11.08203125" style="9"/>
    <col min="6135" max="6135" width="7.5" style="9" customWidth="1"/>
    <col min="6136" max="6136" width="6.58203125" style="9" customWidth="1"/>
    <col min="6137" max="6137" width="93" style="9" customWidth="1"/>
    <col min="6138" max="6139" width="17.25" style="9" customWidth="1"/>
    <col min="6140" max="6390" width="11.08203125" style="9"/>
    <col min="6391" max="6391" width="7.5" style="9" customWidth="1"/>
    <col min="6392" max="6392" width="6.58203125" style="9" customWidth="1"/>
    <col min="6393" max="6393" width="93" style="9" customWidth="1"/>
    <col min="6394" max="6395" width="17.25" style="9" customWidth="1"/>
    <col min="6396" max="6646" width="11.08203125" style="9"/>
    <col min="6647" max="6647" width="7.5" style="9" customWidth="1"/>
    <col min="6648" max="6648" width="6.58203125" style="9" customWidth="1"/>
    <col min="6649" max="6649" width="93" style="9" customWidth="1"/>
    <col min="6650" max="6651" width="17.25" style="9" customWidth="1"/>
    <col min="6652" max="6902" width="11.08203125" style="9"/>
    <col min="6903" max="6903" width="7.5" style="9" customWidth="1"/>
    <col min="6904" max="6904" width="6.58203125" style="9" customWidth="1"/>
    <col min="6905" max="6905" width="93" style="9" customWidth="1"/>
    <col min="6906" max="6907" width="17.25" style="9" customWidth="1"/>
    <col min="6908" max="7158" width="11.08203125" style="9"/>
    <col min="7159" max="7159" width="7.5" style="9" customWidth="1"/>
    <col min="7160" max="7160" width="6.58203125" style="9" customWidth="1"/>
    <col min="7161" max="7161" width="93" style="9" customWidth="1"/>
    <col min="7162" max="7163" width="17.25" style="9" customWidth="1"/>
    <col min="7164" max="7414" width="11.08203125" style="9"/>
    <col min="7415" max="7415" width="7.5" style="9" customWidth="1"/>
    <col min="7416" max="7416" width="6.58203125" style="9" customWidth="1"/>
    <col min="7417" max="7417" width="93" style="9" customWidth="1"/>
    <col min="7418" max="7419" width="17.25" style="9" customWidth="1"/>
    <col min="7420" max="7670" width="11.08203125" style="9"/>
    <col min="7671" max="7671" width="7.5" style="9" customWidth="1"/>
    <col min="7672" max="7672" width="6.58203125" style="9" customWidth="1"/>
    <col min="7673" max="7673" width="93" style="9" customWidth="1"/>
    <col min="7674" max="7675" width="17.25" style="9" customWidth="1"/>
    <col min="7676" max="7926" width="11.08203125" style="9"/>
    <col min="7927" max="7927" width="7.5" style="9" customWidth="1"/>
    <col min="7928" max="7928" width="6.58203125" style="9" customWidth="1"/>
    <col min="7929" max="7929" width="93" style="9" customWidth="1"/>
    <col min="7930" max="7931" width="17.25" style="9" customWidth="1"/>
    <col min="7932" max="8182" width="11.08203125" style="9"/>
    <col min="8183" max="8183" width="7.5" style="9" customWidth="1"/>
    <col min="8184" max="8184" width="6.58203125" style="9" customWidth="1"/>
    <col min="8185" max="8185" width="93" style="9" customWidth="1"/>
    <col min="8186" max="8187" width="17.25" style="9" customWidth="1"/>
    <col min="8188" max="8438" width="11.08203125" style="9"/>
    <col min="8439" max="8439" width="7.5" style="9" customWidth="1"/>
    <col min="8440" max="8440" width="6.58203125" style="9" customWidth="1"/>
    <col min="8441" max="8441" width="93" style="9" customWidth="1"/>
    <col min="8442" max="8443" width="17.25" style="9" customWidth="1"/>
    <col min="8444" max="8694" width="11.08203125" style="9"/>
    <col min="8695" max="8695" width="7.5" style="9" customWidth="1"/>
    <col min="8696" max="8696" width="6.58203125" style="9" customWidth="1"/>
    <col min="8697" max="8697" width="93" style="9" customWidth="1"/>
    <col min="8698" max="8699" width="17.25" style="9" customWidth="1"/>
    <col min="8700" max="8950" width="11.08203125" style="9"/>
    <col min="8951" max="8951" width="7.5" style="9" customWidth="1"/>
    <col min="8952" max="8952" width="6.58203125" style="9" customWidth="1"/>
    <col min="8953" max="8953" width="93" style="9" customWidth="1"/>
    <col min="8954" max="8955" width="17.25" style="9" customWidth="1"/>
    <col min="8956" max="9206" width="11.08203125" style="9"/>
    <col min="9207" max="9207" width="7.5" style="9" customWidth="1"/>
    <col min="9208" max="9208" width="6.58203125" style="9" customWidth="1"/>
    <col min="9209" max="9209" width="93" style="9" customWidth="1"/>
    <col min="9210" max="9211" width="17.25" style="9" customWidth="1"/>
    <col min="9212" max="9462" width="11.08203125" style="9"/>
    <col min="9463" max="9463" width="7.5" style="9" customWidth="1"/>
    <col min="9464" max="9464" width="6.58203125" style="9" customWidth="1"/>
    <col min="9465" max="9465" width="93" style="9" customWidth="1"/>
    <col min="9466" max="9467" width="17.25" style="9" customWidth="1"/>
    <col min="9468" max="9718" width="11.08203125" style="9"/>
    <col min="9719" max="9719" width="7.5" style="9" customWidth="1"/>
    <col min="9720" max="9720" width="6.58203125" style="9" customWidth="1"/>
    <col min="9721" max="9721" width="93" style="9" customWidth="1"/>
    <col min="9722" max="9723" width="17.25" style="9" customWidth="1"/>
    <col min="9724" max="9974" width="11.08203125" style="9"/>
    <col min="9975" max="9975" width="7.5" style="9" customWidth="1"/>
    <col min="9976" max="9976" width="6.58203125" style="9" customWidth="1"/>
    <col min="9977" max="9977" width="93" style="9" customWidth="1"/>
    <col min="9978" max="9979" width="17.25" style="9" customWidth="1"/>
    <col min="9980" max="10230" width="11.08203125" style="9"/>
    <col min="10231" max="10231" width="7.5" style="9" customWidth="1"/>
    <col min="10232" max="10232" width="6.58203125" style="9" customWidth="1"/>
    <col min="10233" max="10233" width="93" style="9" customWidth="1"/>
    <col min="10234" max="10235" width="17.25" style="9" customWidth="1"/>
    <col min="10236" max="10486" width="11.08203125" style="9"/>
    <col min="10487" max="10487" width="7.5" style="9" customWidth="1"/>
    <col min="10488" max="10488" width="6.58203125" style="9" customWidth="1"/>
    <col min="10489" max="10489" width="93" style="9" customWidth="1"/>
    <col min="10490" max="10491" width="17.25" style="9" customWidth="1"/>
    <col min="10492" max="10742" width="11.08203125" style="9"/>
    <col min="10743" max="10743" width="7.5" style="9" customWidth="1"/>
    <col min="10744" max="10744" width="6.58203125" style="9" customWidth="1"/>
    <col min="10745" max="10745" width="93" style="9" customWidth="1"/>
    <col min="10746" max="10747" width="17.25" style="9" customWidth="1"/>
    <col min="10748" max="10998" width="11.08203125" style="9"/>
    <col min="10999" max="10999" width="7.5" style="9" customWidth="1"/>
    <col min="11000" max="11000" width="6.58203125" style="9" customWidth="1"/>
    <col min="11001" max="11001" width="93" style="9" customWidth="1"/>
    <col min="11002" max="11003" width="17.25" style="9" customWidth="1"/>
    <col min="11004" max="11254" width="11.08203125" style="9"/>
    <col min="11255" max="11255" width="7.5" style="9" customWidth="1"/>
    <col min="11256" max="11256" width="6.58203125" style="9" customWidth="1"/>
    <col min="11257" max="11257" width="93" style="9" customWidth="1"/>
    <col min="11258" max="11259" width="17.25" style="9" customWidth="1"/>
    <col min="11260" max="11510" width="11.08203125" style="9"/>
    <col min="11511" max="11511" width="7.5" style="9" customWidth="1"/>
    <col min="11512" max="11512" width="6.58203125" style="9" customWidth="1"/>
    <col min="11513" max="11513" width="93" style="9" customWidth="1"/>
    <col min="11514" max="11515" width="17.25" style="9" customWidth="1"/>
    <col min="11516" max="11766" width="11.08203125" style="9"/>
    <col min="11767" max="11767" width="7.5" style="9" customWidth="1"/>
    <col min="11768" max="11768" width="6.58203125" style="9" customWidth="1"/>
    <col min="11769" max="11769" width="93" style="9" customWidth="1"/>
    <col min="11770" max="11771" width="17.25" style="9" customWidth="1"/>
    <col min="11772" max="12022" width="11.08203125" style="9"/>
    <col min="12023" max="12023" width="7.5" style="9" customWidth="1"/>
    <col min="12024" max="12024" width="6.58203125" style="9" customWidth="1"/>
    <col min="12025" max="12025" width="93" style="9" customWidth="1"/>
    <col min="12026" max="12027" width="17.25" style="9" customWidth="1"/>
    <col min="12028" max="12278" width="11.08203125" style="9"/>
    <col min="12279" max="12279" width="7.5" style="9" customWidth="1"/>
    <col min="12280" max="12280" width="6.58203125" style="9" customWidth="1"/>
    <col min="12281" max="12281" width="93" style="9" customWidth="1"/>
    <col min="12282" max="12283" width="17.25" style="9" customWidth="1"/>
    <col min="12284" max="12534" width="11.08203125" style="9"/>
    <col min="12535" max="12535" width="7.5" style="9" customWidth="1"/>
    <col min="12536" max="12536" width="6.58203125" style="9" customWidth="1"/>
    <col min="12537" max="12537" width="93" style="9" customWidth="1"/>
    <col min="12538" max="12539" width="17.25" style="9" customWidth="1"/>
    <col min="12540" max="12790" width="11.08203125" style="9"/>
    <col min="12791" max="12791" width="7.5" style="9" customWidth="1"/>
    <col min="12792" max="12792" width="6.58203125" style="9" customWidth="1"/>
    <col min="12793" max="12793" width="93" style="9" customWidth="1"/>
    <col min="12794" max="12795" width="17.25" style="9" customWidth="1"/>
    <col min="12796" max="13046" width="11.08203125" style="9"/>
    <col min="13047" max="13047" width="7.5" style="9" customWidth="1"/>
    <col min="13048" max="13048" width="6.58203125" style="9" customWidth="1"/>
    <col min="13049" max="13049" width="93" style="9" customWidth="1"/>
    <col min="13050" max="13051" width="17.25" style="9" customWidth="1"/>
    <col min="13052" max="13302" width="11.08203125" style="9"/>
    <col min="13303" max="13303" width="7.5" style="9" customWidth="1"/>
    <col min="13304" max="13304" width="6.58203125" style="9" customWidth="1"/>
    <col min="13305" max="13305" width="93" style="9" customWidth="1"/>
    <col min="13306" max="13307" width="17.25" style="9" customWidth="1"/>
    <col min="13308" max="13558" width="11.08203125" style="9"/>
    <col min="13559" max="13559" width="7.5" style="9" customWidth="1"/>
    <col min="13560" max="13560" width="6.58203125" style="9" customWidth="1"/>
    <col min="13561" max="13561" width="93" style="9" customWidth="1"/>
    <col min="13562" max="13563" width="17.25" style="9" customWidth="1"/>
    <col min="13564" max="13814" width="11.08203125" style="9"/>
    <col min="13815" max="13815" width="7.5" style="9" customWidth="1"/>
    <col min="13816" max="13816" width="6.58203125" style="9" customWidth="1"/>
    <col min="13817" max="13817" width="93" style="9" customWidth="1"/>
    <col min="13818" max="13819" width="17.25" style="9" customWidth="1"/>
    <col min="13820" max="14070" width="11.08203125" style="9"/>
    <col min="14071" max="14071" width="7.5" style="9" customWidth="1"/>
    <col min="14072" max="14072" width="6.58203125" style="9" customWidth="1"/>
    <col min="14073" max="14073" width="93" style="9" customWidth="1"/>
    <col min="14074" max="14075" width="17.25" style="9" customWidth="1"/>
    <col min="14076" max="14326" width="11.08203125" style="9"/>
    <col min="14327" max="14327" width="7.5" style="9" customWidth="1"/>
    <col min="14328" max="14328" width="6.58203125" style="9" customWidth="1"/>
    <col min="14329" max="14329" width="93" style="9" customWidth="1"/>
    <col min="14330" max="14331" width="17.25" style="9" customWidth="1"/>
    <col min="14332" max="14582" width="11.08203125" style="9"/>
    <col min="14583" max="14583" width="7.5" style="9" customWidth="1"/>
    <col min="14584" max="14584" width="6.58203125" style="9" customWidth="1"/>
    <col min="14585" max="14585" width="93" style="9" customWidth="1"/>
    <col min="14586" max="14587" width="17.25" style="9" customWidth="1"/>
    <col min="14588" max="14838" width="11.08203125" style="9"/>
    <col min="14839" max="14839" width="7.5" style="9" customWidth="1"/>
    <col min="14840" max="14840" width="6.58203125" style="9" customWidth="1"/>
    <col min="14841" max="14841" width="93" style="9" customWidth="1"/>
    <col min="14842" max="14843" width="17.25" style="9" customWidth="1"/>
    <col min="14844" max="15094" width="11.08203125" style="9"/>
    <col min="15095" max="15095" width="7.5" style="9" customWidth="1"/>
    <col min="15096" max="15096" width="6.58203125" style="9" customWidth="1"/>
    <col min="15097" max="15097" width="93" style="9" customWidth="1"/>
    <col min="15098" max="15099" width="17.25" style="9" customWidth="1"/>
    <col min="15100" max="15350" width="11.08203125" style="9"/>
    <col min="15351" max="15351" width="7.5" style="9" customWidth="1"/>
    <col min="15352" max="15352" width="6.58203125" style="9" customWidth="1"/>
    <col min="15353" max="15353" width="93" style="9" customWidth="1"/>
    <col min="15354" max="15355" width="17.25" style="9" customWidth="1"/>
    <col min="15356" max="15606" width="11.08203125" style="9"/>
    <col min="15607" max="15607" width="7.5" style="9" customWidth="1"/>
    <col min="15608" max="15608" width="6.58203125" style="9" customWidth="1"/>
    <col min="15609" max="15609" width="93" style="9" customWidth="1"/>
    <col min="15610" max="15611" width="17.25" style="9" customWidth="1"/>
    <col min="15612" max="15862" width="11.08203125" style="9"/>
    <col min="15863" max="15863" width="7.5" style="9" customWidth="1"/>
    <col min="15864" max="15864" width="6.58203125" style="9" customWidth="1"/>
    <col min="15865" max="15865" width="93" style="9" customWidth="1"/>
    <col min="15866" max="15867" width="17.25" style="9" customWidth="1"/>
    <col min="15868" max="16118" width="11.08203125" style="9"/>
    <col min="16119" max="16119" width="7.5" style="9" customWidth="1"/>
    <col min="16120" max="16120" width="6.58203125" style="9" customWidth="1"/>
    <col min="16121" max="16121" width="93" style="9" customWidth="1"/>
    <col min="16122" max="16123" width="17.25" style="9" customWidth="1"/>
    <col min="16124" max="16384" width="11.08203125" style="9"/>
  </cols>
  <sheetData>
    <row r="1" spans="1:241" s="228" customFormat="1">
      <c r="A1" s="652" t="s">
        <v>685</v>
      </c>
      <c r="B1" s="652"/>
      <c r="C1" s="6"/>
      <c r="D1" s="722"/>
      <c r="E1" s="654"/>
      <c r="F1" s="101"/>
    </row>
    <row r="2" spans="1:241" s="228" customFormat="1" ht="13.15" customHeight="1">
      <c r="E2" s="438"/>
      <c r="F2" s="210"/>
    </row>
    <row r="3" spans="1:241" s="228" customFormat="1">
      <c r="A3" s="229"/>
      <c r="B3" s="229" t="s">
        <v>528</v>
      </c>
      <c r="D3" s="722"/>
      <c r="E3" s="385"/>
    </row>
    <row r="4" spans="1:241" s="228" customFormat="1">
      <c r="B4" s="87" t="s">
        <v>241</v>
      </c>
      <c r="C4" s="89"/>
      <c r="D4" s="229"/>
      <c r="E4" s="440"/>
      <c r="F4" s="210"/>
    </row>
    <row r="5" spans="1:241" s="228" customFormat="1">
      <c r="C5" s="136"/>
      <c r="D5" s="219"/>
      <c r="E5" s="441"/>
      <c r="F5" s="210"/>
    </row>
    <row r="6" spans="1:241">
      <c r="A6" s="86"/>
      <c r="B6" s="964" t="s">
        <v>12</v>
      </c>
      <c r="C6" s="964"/>
      <c r="D6" s="151"/>
      <c r="E6" s="442"/>
      <c r="F6" s="151"/>
      <c r="G6" s="86"/>
      <c r="H6" s="87"/>
      <c r="I6" s="87"/>
      <c r="J6" s="87"/>
      <c r="K6" s="86"/>
      <c r="L6" s="86"/>
      <c r="M6" s="86"/>
      <c r="N6" s="86"/>
      <c r="O6" s="86"/>
      <c r="P6" s="86"/>
      <c r="Q6" s="86"/>
      <c r="R6" s="86"/>
      <c r="S6" s="86"/>
      <c r="T6" s="86"/>
      <c r="U6" s="86"/>
      <c r="V6" s="86"/>
      <c r="W6" s="86"/>
      <c r="X6" s="86"/>
      <c r="Y6" s="86"/>
      <c r="Z6" s="86"/>
      <c r="AA6" s="86"/>
      <c r="AB6" s="86"/>
      <c r="AC6" s="86"/>
      <c r="AD6" s="86"/>
      <c r="AE6" s="86"/>
      <c r="AF6" s="86"/>
      <c r="AG6" s="86"/>
      <c r="AH6" s="86"/>
      <c r="AI6" s="86"/>
      <c r="AJ6" s="86"/>
      <c r="AK6" s="86"/>
      <c r="AL6" s="86"/>
      <c r="AM6" s="86"/>
      <c r="AN6" s="86"/>
      <c r="AO6" s="86"/>
      <c r="AP6" s="86"/>
      <c r="AQ6" s="86"/>
      <c r="AR6" s="86"/>
      <c r="AS6" s="86"/>
      <c r="AT6" s="86"/>
      <c r="AU6" s="86"/>
      <c r="AV6" s="86"/>
      <c r="AW6" s="86"/>
      <c r="AX6" s="86"/>
      <c r="AY6" s="86"/>
      <c r="AZ6" s="86"/>
      <c r="BA6" s="86"/>
      <c r="BB6" s="86"/>
      <c r="BC6" s="86"/>
      <c r="BD6" s="86"/>
      <c r="BE6" s="86"/>
      <c r="BF6" s="86"/>
      <c r="BG6" s="86"/>
      <c r="BH6" s="86"/>
      <c r="BI6" s="86"/>
      <c r="BJ6" s="86"/>
      <c r="BK6" s="86"/>
      <c r="BL6" s="86"/>
      <c r="BM6" s="86"/>
      <c r="BN6" s="86"/>
      <c r="BO6" s="86"/>
      <c r="BP6" s="86"/>
      <c r="BQ6" s="86"/>
      <c r="BR6" s="86"/>
      <c r="BS6" s="86"/>
      <c r="BT6" s="86"/>
      <c r="BU6" s="86"/>
      <c r="BV6" s="86"/>
      <c r="BW6" s="86"/>
      <c r="BX6" s="86"/>
      <c r="BY6" s="86"/>
      <c r="BZ6" s="86"/>
      <c r="CA6" s="86"/>
      <c r="CB6" s="86"/>
      <c r="CC6" s="86"/>
      <c r="CD6" s="86"/>
      <c r="CE6" s="86"/>
      <c r="CF6" s="86"/>
      <c r="CG6" s="86"/>
      <c r="CH6" s="86"/>
      <c r="CI6" s="86"/>
      <c r="CJ6" s="86"/>
      <c r="CK6" s="86"/>
      <c r="CL6" s="86"/>
      <c r="CM6" s="86"/>
      <c r="CN6" s="86"/>
      <c r="CO6" s="86"/>
      <c r="CP6" s="86"/>
      <c r="CQ6" s="86"/>
      <c r="CR6" s="86"/>
      <c r="CS6" s="86"/>
      <c r="CT6" s="86"/>
      <c r="CU6" s="86"/>
      <c r="CV6" s="86"/>
      <c r="CW6" s="86"/>
      <c r="CX6" s="86"/>
      <c r="CY6" s="86"/>
      <c r="CZ6" s="86"/>
      <c r="DA6" s="86"/>
      <c r="DB6" s="86"/>
      <c r="DC6" s="86"/>
      <c r="DD6" s="86"/>
      <c r="DE6" s="86"/>
      <c r="DF6" s="86"/>
      <c r="DG6" s="86"/>
      <c r="DH6" s="86"/>
      <c r="DI6" s="86"/>
      <c r="DJ6" s="86"/>
      <c r="DK6" s="86"/>
      <c r="DL6" s="86"/>
      <c r="DM6" s="86"/>
      <c r="DN6" s="86"/>
      <c r="DO6" s="86"/>
      <c r="DP6" s="86"/>
      <c r="DQ6" s="86"/>
      <c r="DR6" s="86"/>
      <c r="DS6" s="86"/>
      <c r="DT6" s="86"/>
      <c r="DU6" s="86"/>
      <c r="DV6" s="86"/>
      <c r="DW6" s="86"/>
      <c r="DX6" s="86"/>
      <c r="DY6" s="86"/>
      <c r="DZ6" s="86"/>
      <c r="EA6" s="86"/>
      <c r="EB6" s="86"/>
      <c r="EC6" s="86"/>
      <c r="ED6" s="86"/>
      <c r="EE6" s="86"/>
      <c r="EF6" s="86"/>
      <c r="EG6" s="86"/>
      <c r="EH6" s="86"/>
      <c r="EI6" s="86"/>
      <c r="EJ6" s="86"/>
      <c r="EK6" s="86"/>
      <c r="EL6" s="86"/>
      <c r="EM6" s="86"/>
      <c r="EN6" s="86"/>
      <c r="EO6" s="86"/>
      <c r="EP6" s="86"/>
      <c r="EQ6" s="86"/>
      <c r="ER6" s="86"/>
      <c r="ES6" s="86"/>
      <c r="ET6" s="86"/>
      <c r="EU6" s="86"/>
      <c r="EV6" s="86"/>
      <c r="EW6" s="86"/>
      <c r="EX6" s="86"/>
      <c r="EY6" s="86"/>
      <c r="EZ6" s="86"/>
      <c r="FA6" s="86"/>
      <c r="FB6" s="86"/>
      <c r="FC6" s="86"/>
      <c r="FD6" s="86"/>
      <c r="FE6" s="86"/>
      <c r="FF6" s="86"/>
      <c r="FG6" s="86"/>
      <c r="FH6" s="86"/>
      <c r="FI6" s="86"/>
      <c r="FJ6" s="86"/>
      <c r="FK6" s="86"/>
      <c r="FL6" s="86"/>
      <c r="FM6" s="86"/>
      <c r="FN6" s="86"/>
      <c r="FO6" s="86"/>
      <c r="FP6" s="86"/>
      <c r="FQ6" s="86"/>
      <c r="FR6" s="86"/>
      <c r="FS6" s="86"/>
      <c r="FT6" s="86"/>
      <c r="FU6" s="86"/>
      <c r="FV6" s="86"/>
      <c r="FW6" s="86"/>
      <c r="FX6" s="86"/>
      <c r="FY6" s="86"/>
      <c r="FZ6" s="86"/>
      <c r="GA6" s="86"/>
      <c r="GB6" s="86"/>
      <c r="GC6" s="86"/>
      <c r="GD6" s="86"/>
      <c r="GE6" s="86"/>
      <c r="GF6" s="86"/>
      <c r="GG6" s="86"/>
      <c r="GH6" s="86"/>
      <c r="GI6" s="86"/>
      <c r="GJ6" s="86"/>
      <c r="GK6" s="86"/>
      <c r="GL6" s="86"/>
      <c r="GM6" s="86"/>
      <c r="GN6" s="86"/>
      <c r="GO6" s="86"/>
      <c r="GP6" s="86"/>
      <c r="GQ6" s="86"/>
      <c r="GR6" s="86"/>
      <c r="GS6" s="86"/>
      <c r="GT6" s="86"/>
      <c r="GU6" s="86"/>
      <c r="GV6" s="86"/>
      <c r="GW6" s="86"/>
      <c r="GX6" s="86"/>
      <c r="GY6" s="86"/>
      <c r="GZ6" s="86"/>
      <c r="HA6" s="86"/>
      <c r="HB6" s="86"/>
      <c r="HC6" s="86"/>
      <c r="HD6" s="86"/>
      <c r="HE6" s="86"/>
      <c r="HF6" s="86"/>
      <c r="HG6" s="86"/>
      <c r="HH6" s="86"/>
      <c r="HI6" s="86"/>
      <c r="HJ6" s="86"/>
      <c r="HK6" s="86"/>
      <c r="HL6" s="86"/>
      <c r="HM6" s="86"/>
      <c r="HN6" s="86"/>
      <c r="HO6" s="86"/>
      <c r="HP6" s="86"/>
      <c r="HQ6" s="86"/>
      <c r="HR6" s="86"/>
      <c r="HS6" s="86"/>
      <c r="HT6" s="86"/>
      <c r="HU6" s="86"/>
      <c r="HV6" s="86"/>
      <c r="HW6" s="86"/>
      <c r="HX6" s="86"/>
      <c r="HY6" s="86"/>
      <c r="HZ6" s="86"/>
      <c r="IA6" s="86"/>
      <c r="IB6" s="86"/>
      <c r="IC6" s="86"/>
      <c r="ID6" s="86"/>
      <c r="IE6" s="86"/>
      <c r="IF6" s="86"/>
      <c r="IG6" s="86"/>
    </row>
    <row r="7" spans="1:241" ht="26">
      <c r="A7" s="86"/>
      <c r="B7" s="965"/>
      <c r="C7" s="965"/>
      <c r="D7" s="152" t="s">
        <v>689</v>
      </c>
      <c r="E7" s="443" t="s">
        <v>686</v>
      </c>
      <c r="F7" s="152" t="s">
        <v>503</v>
      </c>
      <c r="G7" s="86"/>
      <c r="H7" s="87"/>
      <c r="I7" s="87"/>
      <c r="J7" s="87"/>
      <c r="K7" s="86"/>
      <c r="L7" s="86"/>
      <c r="M7" s="86"/>
      <c r="N7" s="86"/>
      <c r="O7" s="86"/>
      <c r="P7" s="86"/>
      <c r="Q7" s="86"/>
      <c r="R7" s="86"/>
      <c r="S7" s="86"/>
      <c r="T7" s="86"/>
      <c r="U7" s="86"/>
      <c r="V7" s="86"/>
      <c r="W7" s="86"/>
      <c r="X7" s="86"/>
      <c r="Y7" s="86"/>
      <c r="Z7" s="86"/>
      <c r="AA7" s="86"/>
      <c r="AB7" s="86"/>
      <c r="AC7" s="86"/>
      <c r="AD7" s="86"/>
      <c r="AE7" s="86"/>
      <c r="AF7" s="86"/>
      <c r="AG7" s="86"/>
      <c r="AH7" s="86"/>
      <c r="AI7" s="86"/>
      <c r="AJ7" s="86"/>
      <c r="AK7" s="86"/>
      <c r="AL7" s="86"/>
      <c r="AM7" s="86"/>
      <c r="AN7" s="86"/>
      <c r="AO7" s="86"/>
      <c r="AP7" s="86"/>
      <c r="AQ7" s="86"/>
      <c r="AR7" s="86"/>
      <c r="AS7" s="86"/>
      <c r="AT7" s="86"/>
      <c r="AU7" s="86"/>
      <c r="AV7" s="86"/>
      <c r="AW7" s="86"/>
      <c r="AX7" s="86"/>
      <c r="AY7" s="86"/>
      <c r="AZ7" s="86"/>
      <c r="BA7" s="86"/>
      <c r="BB7" s="86"/>
      <c r="BC7" s="86"/>
      <c r="BD7" s="86"/>
      <c r="BE7" s="86"/>
      <c r="BF7" s="86"/>
      <c r="BG7" s="86"/>
      <c r="BH7" s="86"/>
      <c r="BI7" s="86"/>
      <c r="BJ7" s="86"/>
      <c r="BK7" s="86"/>
      <c r="BL7" s="86"/>
      <c r="BM7" s="86"/>
      <c r="BN7" s="86"/>
      <c r="BO7" s="86"/>
      <c r="BP7" s="86"/>
      <c r="BQ7" s="86"/>
      <c r="BR7" s="86"/>
      <c r="BS7" s="86"/>
      <c r="BT7" s="86"/>
      <c r="BU7" s="86"/>
      <c r="BV7" s="86"/>
      <c r="BW7" s="86"/>
      <c r="BX7" s="86"/>
      <c r="BY7" s="86"/>
      <c r="BZ7" s="86"/>
      <c r="CA7" s="86"/>
      <c r="CB7" s="86"/>
      <c r="CC7" s="86"/>
      <c r="CD7" s="86"/>
      <c r="CE7" s="86"/>
      <c r="CF7" s="86"/>
      <c r="CG7" s="86"/>
      <c r="CH7" s="86"/>
      <c r="CI7" s="86"/>
      <c r="CJ7" s="86"/>
      <c r="CK7" s="86"/>
      <c r="CL7" s="86"/>
      <c r="CM7" s="86"/>
      <c r="CN7" s="86"/>
      <c r="CO7" s="86"/>
      <c r="CP7" s="86"/>
      <c r="CQ7" s="86"/>
      <c r="CR7" s="86"/>
      <c r="CS7" s="86"/>
      <c r="CT7" s="86"/>
      <c r="CU7" s="86"/>
      <c r="CV7" s="86"/>
      <c r="CW7" s="86"/>
      <c r="CX7" s="86"/>
      <c r="CY7" s="86"/>
      <c r="CZ7" s="86"/>
      <c r="DA7" s="86"/>
      <c r="DB7" s="86"/>
      <c r="DC7" s="86"/>
      <c r="DD7" s="86"/>
      <c r="DE7" s="86"/>
      <c r="DF7" s="86"/>
      <c r="DG7" s="86"/>
      <c r="DH7" s="86"/>
      <c r="DI7" s="86"/>
      <c r="DJ7" s="86"/>
      <c r="DK7" s="86"/>
      <c r="DL7" s="86"/>
      <c r="DM7" s="86"/>
      <c r="DN7" s="86"/>
      <c r="DO7" s="86"/>
      <c r="DP7" s="86"/>
      <c r="DQ7" s="86"/>
      <c r="DR7" s="86"/>
      <c r="DS7" s="86"/>
      <c r="DT7" s="86"/>
      <c r="DU7" s="86"/>
      <c r="DV7" s="86"/>
      <c r="DW7" s="86"/>
      <c r="DX7" s="86"/>
      <c r="DY7" s="86"/>
      <c r="DZ7" s="86"/>
      <c r="EA7" s="86"/>
      <c r="EB7" s="86"/>
      <c r="EC7" s="86"/>
      <c r="ED7" s="86"/>
      <c r="EE7" s="86"/>
      <c r="EF7" s="86"/>
      <c r="EG7" s="86"/>
      <c r="EH7" s="86"/>
      <c r="EI7" s="86"/>
      <c r="EJ7" s="86"/>
      <c r="EK7" s="86"/>
      <c r="EL7" s="86"/>
      <c r="EM7" s="86"/>
      <c r="EN7" s="86"/>
      <c r="EO7" s="86"/>
      <c r="EP7" s="86"/>
      <c r="EQ7" s="86"/>
      <c r="ER7" s="86"/>
      <c r="ES7" s="86"/>
      <c r="ET7" s="86"/>
      <c r="EU7" s="86"/>
      <c r="EV7" s="86"/>
      <c r="EW7" s="86"/>
      <c r="EX7" s="86"/>
      <c r="EY7" s="86"/>
      <c r="EZ7" s="86"/>
      <c r="FA7" s="86"/>
      <c r="FB7" s="86"/>
      <c r="FC7" s="86"/>
      <c r="FD7" s="86"/>
      <c r="FE7" s="86"/>
      <c r="FF7" s="86"/>
      <c r="FG7" s="86"/>
      <c r="FH7" s="86"/>
      <c r="FI7" s="86"/>
      <c r="FJ7" s="86"/>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86"/>
      <c r="GZ7" s="86"/>
      <c r="HA7" s="86"/>
      <c r="HB7" s="86"/>
      <c r="HC7" s="86"/>
      <c r="HD7" s="86"/>
      <c r="HE7" s="86"/>
      <c r="HF7" s="86"/>
      <c r="HG7" s="86"/>
      <c r="HH7" s="86"/>
      <c r="HI7" s="86"/>
      <c r="HJ7" s="86"/>
      <c r="HK7" s="86"/>
      <c r="HL7" s="86"/>
      <c r="HM7" s="86"/>
      <c r="HN7" s="86"/>
      <c r="HO7" s="86"/>
      <c r="HP7" s="86"/>
      <c r="HQ7" s="86"/>
      <c r="HR7" s="86"/>
      <c r="HS7" s="86"/>
      <c r="HT7" s="86"/>
      <c r="HU7" s="86"/>
      <c r="HV7" s="86"/>
      <c r="HW7" s="86"/>
      <c r="HX7" s="86"/>
      <c r="HY7" s="86"/>
      <c r="HZ7" s="86"/>
      <c r="IA7" s="86"/>
      <c r="IB7" s="86"/>
      <c r="IC7" s="86"/>
      <c r="ID7" s="86"/>
      <c r="IE7" s="86"/>
      <c r="IF7" s="86"/>
      <c r="IG7" s="86"/>
    </row>
    <row r="8" spans="1:241">
      <c r="A8" s="86"/>
      <c r="B8" s="137" t="s">
        <v>242</v>
      </c>
      <c r="C8" s="21"/>
      <c r="D8" s="21"/>
      <c r="E8" s="444"/>
    </row>
    <row r="9" spans="1:241" s="20" customFormat="1">
      <c r="A9" s="86"/>
      <c r="B9" s="138">
        <v>1</v>
      </c>
      <c r="C9" s="21" t="s">
        <v>243</v>
      </c>
      <c r="D9" s="21">
        <v>21941.717997465599</v>
      </c>
      <c r="E9" s="444">
        <v>21941.717999915199</v>
      </c>
      <c r="F9" s="215" t="s">
        <v>504</v>
      </c>
      <c r="G9" s="21"/>
      <c r="H9" s="21"/>
      <c r="I9" s="228"/>
      <c r="J9" s="228"/>
    </row>
    <row r="10" spans="1:241" s="20" customFormat="1">
      <c r="A10" s="86"/>
      <c r="B10" s="138"/>
      <c r="C10" s="21" t="s">
        <v>244</v>
      </c>
      <c r="D10" s="21">
        <v>21941.717997465599</v>
      </c>
      <c r="E10" s="444">
        <v>21941.717999915199</v>
      </c>
      <c r="F10" s="215" t="s">
        <v>505</v>
      </c>
      <c r="G10" s="21"/>
      <c r="H10" s="21"/>
      <c r="I10" s="228"/>
      <c r="J10" s="228"/>
    </row>
    <row r="11" spans="1:241" s="20" customFormat="1">
      <c r="A11" s="86"/>
      <c r="B11" s="138">
        <v>2</v>
      </c>
      <c r="C11" s="21" t="s">
        <v>245</v>
      </c>
      <c r="D11" s="21">
        <v>95511.720237355301</v>
      </c>
      <c r="E11" s="444">
        <v>94063.986714777639</v>
      </c>
      <c r="F11" s="215" t="s">
        <v>506</v>
      </c>
      <c r="G11" s="21"/>
      <c r="H11" s="212"/>
      <c r="I11" s="228"/>
      <c r="J11" s="228"/>
    </row>
    <row r="12" spans="1:241" s="20" customFormat="1">
      <c r="A12" s="86"/>
      <c r="B12" s="138">
        <v>3</v>
      </c>
      <c r="C12" s="139" t="s">
        <v>460</v>
      </c>
      <c r="D12" s="21">
        <v>38326.323040472096</v>
      </c>
      <c r="E12" s="444">
        <v>38499.684414365998</v>
      </c>
      <c r="F12" s="215" t="s">
        <v>507</v>
      </c>
      <c r="G12" s="21"/>
      <c r="H12" s="21"/>
      <c r="I12" s="228"/>
      <c r="J12" s="228"/>
    </row>
    <row r="13" spans="1:241" s="20" customFormat="1">
      <c r="A13" s="86"/>
      <c r="B13" s="138" t="s">
        <v>246</v>
      </c>
      <c r="C13" s="21" t="s">
        <v>247</v>
      </c>
      <c r="D13" s="21"/>
      <c r="E13" s="444"/>
      <c r="F13" s="215" t="s">
        <v>529</v>
      </c>
      <c r="G13" s="21"/>
      <c r="H13" s="21"/>
      <c r="I13" s="228"/>
      <c r="J13" s="228"/>
    </row>
    <row r="14" spans="1:241">
      <c r="A14" s="86"/>
      <c r="B14" s="138">
        <v>4</v>
      </c>
      <c r="C14" s="139" t="s">
        <v>248</v>
      </c>
      <c r="D14" s="21"/>
      <c r="E14" s="444"/>
      <c r="F14" s="215" t="s">
        <v>530</v>
      </c>
      <c r="G14" s="21"/>
      <c r="H14" s="21"/>
    </row>
    <row r="15" spans="1:241">
      <c r="A15" s="86"/>
      <c r="B15" s="138">
        <v>5</v>
      </c>
      <c r="C15" s="21" t="s">
        <v>249</v>
      </c>
      <c r="D15" s="21"/>
      <c r="E15" s="444"/>
      <c r="F15" s="215">
        <v>84</v>
      </c>
      <c r="G15" s="21"/>
      <c r="H15" s="21"/>
      <c r="K15" s="20"/>
      <c r="L15" s="20"/>
      <c r="M15" s="20"/>
      <c r="N15" s="20"/>
      <c r="O15" s="20"/>
      <c r="P15" s="20"/>
      <c r="Q15" s="20"/>
      <c r="R15" s="20"/>
      <c r="S15" s="20"/>
      <c r="T15" s="20"/>
      <c r="U15" s="20"/>
      <c r="V15" s="20"/>
      <c r="W15" s="20"/>
      <c r="X15" s="20"/>
      <c r="Y15" s="20"/>
      <c r="Z15" s="20"/>
      <c r="AA15" s="20"/>
      <c r="AB15" s="20"/>
      <c r="AC15" s="20"/>
      <c r="AD15" s="20"/>
      <c r="AE15" s="20"/>
      <c r="AF15" s="20"/>
      <c r="AG15" s="20"/>
      <c r="AH15" s="20"/>
      <c r="AI15" s="20"/>
      <c r="AJ15" s="20"/>
      <c r="AK15" s="20"/>
      <c r="AL15" s="20"/>
      <c r="AM15" s="20"/>
      <c r="AN15" s="20"/>
      <c r="AO15" s="20"/>
      <c r="AP15" s="20"/>
      <c r="AQ15" s="20"/>
      <c r="AR15" s="20"/>
      <c r="AS15" s="20"/>
      <c r="AT15" s="20"/>
      <c r="AU15" s="20"/>
      <c r="AV15" s="20"/>
      <c r="AW15" s="20"/>
      <c r="AX15" s="20"/>
      <c r="AY15" s="20"/>
      <c r="AZ15" s="20"/>
      <c r="BA15" s="20"/>
      <c r="BB15" s="20"/>
      <c r="BC15" s="20"/>
      <c r="BD15" s="20"/>
      <c r="BE15" s="20"/>
      <c r="BF15" s="20"/>
      <c r="BG15" s="20"/>
      <c r="BH15" s="20"/>
      <c r="BI15" s="20"/>
      <c r="BJ15" s="20"/>
      <c r="BK15" s="20"/>
      <c r="BL15" s="20"/>
      <c r="BM15" s="20"/>
      <c r="BN15" s="20"/>
      <c r="BO15" s="20"/>
      <c r="BP15" s="20"/>
      <c r="BQ15" s="20"/>
      <c r="BR15" s="20"/>
      <c r="BS15" s="20"/>
      <c r="BT15" s="20"/>
      <c r="BU15" s="20"/>
      <c r="BV15" s="20"/>
      <c r="BW15" s="20"/>
      <c r="BX15" s="20"/>
      <c r="BY15" s="20"/>
      <c r="BZ15" s="20"/>
      <c r="CA15" s="20"/>
      <c r="CB15" s="20"/>
      <c r="CC15" s="20"/>
      <c r="CD15" s="20"/>
      <c r="CE15" s="20"/>
      <c r="CF15" s="20"/>
      <c r="CG15" s="20"/>
      <c r="CH15" s="20"/>
      <c r="CI15" s="20"/>
      <c r="CJ15" s="20"/>
      <c r="CK15" s="20"/>
      <c r="CL15" s="20"/>
      <c r="CM15" s="20"/>
      <c r="CN15" s="20"/>
      <c r="CO15" s="20"/>
      <c r="CP15" s="20"/>
      <c r="CQ15" s="20"/>
      <c r="CR15" s="20"/>
      <c r="CS15" s="20"/>
      <c r="CT15" s="20"/>
      <c r="CU15" s="20"/>
      <c r="CV15" s="20"/>
      <c r="CW15" s="20"/>
      <c r="CX15" s="20"/>
      <c r="CY15" s="20"/>
      <c r="CZ15" s="20"/>
      <c r="DA15" s="20"/>
      <c r="DB15" s="20"/>
      <c r="DC15" s="20"/>
      <c r="DD15" s="20"/>
      <c r="DE15" s="20"/>
      <c r="DF15" s="20"/>
      <c r="DG15" s="20"/>
      <c r="DH15" s="20"/>
      <c r="DI15" s="20"/>
      <c r="DJ15" s="20"/>
      <c r="DK15" s="20"/>
      <c r="DL15" s="20"/>
      <c r="DM15" s="20"/>
      <c r="DN15" s="20"/>
      <c r="DO15" s="20"/>
      <c r="DP15" s="20"/>
      <c r="DQ15" s="20"/>
      <c r="DR15" s="20"/>
      <c r="DS15" s="20"/>
      <c r="DT15" s="20"/>
      <c r="DU15" s="20"/>
      <c r="DV15" s="20"/>
      <c r="DW15" s="20"/>
      <c r="DX15" s="20"/>
      <c r="DY15" s="20"/>
      <c r="DZ15" s="20"/>
      <c r="EA15" s="20"/>
      <c r="EB15" s="20"/>
      <c r="EC15" s="20"/>
      <c r="ED15" s="20"/>
      <c r="EE15" s="20"/>
      <c r="EF15" s="20"/>
      <c r="EG15" s="20"/>
      <c r="EH15" s="20"/>
      <c r="EI15" s="20"/>
      <c r="EJ15" s="20"/>
      <c r="EK15" s="20"/>
      <c r="EL15" s="20"/>
      <c r="EM15" s="20"/>
      <c r="EN15" s="20"/>
      <c r="EO15" s="20"/>
      <c r="EP15" s="20"/>
      <c r="EQ15" s="20"/>
      <c r="ER15" s="20"/>
      <c r="ES15" s="20"/>
      <c r="ET15" s="20"/>
      <c r="EU15" s="20"/>
      <c r="EV15" s="20"/>
      <c r="EW15" s="20"/>
      <c r="EX15" s="20"/>
      <c r="EY15" s="20"/>
      <c r="EZ15" s="20"/>
      <c r="FA15" s="20"/>
      <c r="FB15" s="20"/>
      <c r="FC15" s="20"/>
      <c r="FD15" s="20"/>
      <c r="FE15" s="20"/>
      <c r="FF15" s="20"/>
      <c r="FG15" s="20"/>
      <c r="FH15" s="20"/>
      <c r="FI15" s="20"/>
      <c r="FJ15" s="20"/>
      <c r="FK15" s="20"/>
      <c r="FL15" s="20"/>
      <c r="FM15" s="20"/>
      <c r="FN15" s="20"/>
      <c r="FO15" s="20"/>
      <c r="FP15" s="20"/>
      <c r="FQ15" s="20"/>
      <c r="FR15" s="20"/>
      <c r="FS15" s="20"/>
      <c r="FT15" s="20"/>
      <c r="FU15" s="20"/>
      <c r="FV15" s="20"/>
      <c r="FW15" s="20"/>
      <c r="FX15" s="20"/>
      <c r="FY15" s="20"/>
      <c r="FZ15" s="20"/>
      <c r="GA15" s="20"/>
      <c r="GB15" s="20"/>
      <c r="GC15" s="20"/>
      <c r="GD15" s="20"/>
      <c r="GE15" s="20"/>
      <c r="GF15" s="20"/>
      <c r="GG15" s="20"/>
      <c r="GH15" s="20"/>
      <c r="GI15" s="20"/>
      <c r="GJ15" s="20"/>
      <c r="GK15" s="20"/>
      <c r="GL15" s="20"/>
      <c r="GM15" s="20"/>
      <c r="GN15" s="20"/>
      <c r="GO15" s="20"/>
      <c r="GP15" s="20"/>
      <c r="GQ15" s="20"/>
      <c r="GR15" s="20"/>
      <c r="GS15" s="20"/>
      <c r="GT15" s="20"/>
      <c r="GU15" s="20"/>
      <c r="GV15" s="20"/>
      <c r="GW15" s="20"/>
      <c r="GX15" s="20"/>
      <c r="GY15" s="20"/>
      <c r="GZ15" s="20"/>
      <c r="HA15" s="20"/>
      <c r="HB15" s="20"/>
      <c r="HC15" s="20"/>
      <c r="HD15" s="20"/>
      <c r="HE15" s="20"/>
      <c r="HF15" s="20"/>
      <c r="HG15" s="20"/>
      <c r="HH15" s="20"/>
      <c r="HI15" s="20"/>
      <c r="HJ15" s="20"/>
      <c r="HK15" s="20"/>
      <c r="HL15" s="20"/>
      <c r="HM15" s="20"/>
      <c r="HN15" s="20"/>
      <c r="HO15" s="20"/>
      <c r="HP15" s="20"/>
      <c r="HQ15" s="20"/>
      <c r="HR15" s="20"/>
      <c r="HS15" s="20"/>
      <c r="HT15" s="20"/>
      <c r="HU15" s="20"/>
      <c r="HV15" s="20"/>
      <c r="HW15" s="20"/>
      <c r="HX15" s="20"/>
      <c r="HY15" s="20"/>
      <c r="HZ15" s="20"/>
      <c r="IA15" s="20"/>
      <c r="IB15" s="20"/>
      <c r="IC15" s="20"/>
      <c r="ID15" s="20"/>
      <c r="IE15" s="20"/>
      <c r="IF15" s="20"/>
      <c r="IG15" s="20"/>
    </row>
    <row r="16" spans="1:241">
      <c r="A16" s="86"/>
      <c r="B16" s="138" t="s">
        <v>250</v>
      </c>
      <c r="C16" s="21" t="s">
        <v>251</v>
      </c>
      <c r="D16" s="21">
        <v>6311.5009961084015</v>
      </c>
      <c r="E16" s="653"/>
      <c r="F16" s="301" t="s">
        <v>508</v>
      </c>
      <c r="G16" s="21"/>
      <c r="H16" s="212"/>
      <c r="K16" s="20"/>
      <c r="L16" s="20"/>
      <c r="M16" s="20"/>
      <c r="N16" s="20"/>
      <c r="O16" s="20"/>
      <c r="P16" s="20"/>
      <c r="Q16" s="20"/>
      <c r="R16" s="20"/>
      <c r="S16" s="20"/>
      <c r="T16" s="20"/>
      <c r="U16" s="20"/>
      <c r="V16" s="20"/>
      <c r="W16" s="20"/>
      <c r="X16" s="20"/>
      <c r="Y16" s="20"/>
      <c r="Z16" s="20"/>
      <c r="AA16" s="20"/>
      <c r="AB16" s="20"/>
      <c r="AC16" s="20"/>
      <c r="AD16" s="20"/>
      <c r="AE16" s="20"/>
      <c r="AF16" s="20"/>
      <c r="AG16" s="20"/>
      <c r="AH16" s="20"/>
      <c r="AI16" s="20"/>
      <c r="AJ16" s="20"/>
      <c r="AK16" s="20"/>
      <c r="AL16" s="20"/>
      <c r="AM16" s="20"/>
      <c r="AN16" s="20"/>
      <c r="AO16" s="20"/>
      <c r="AP16" s="20"/>
      <c r="AQ16" s="20"/>
      <c r="AR16" s="20"/>
      <c r="AS16" s="20"/>
      <c r="AT16" s="20"/>
      <c r="AU16" s="20"/>
      <c r="AV16" s="20"/>
      <c r="AW16" s="20"/>
      <c r="AX16" s="20"/>
      <c r="AY16" s="20"/>
      <c r="AZ16" s="20"/>
      <c r="BA16" s="20"/>
      <c r="BB16" s="20"/>
      <c r="BC16" s="20"/>
      <c r="BD16" s="20"/>
      <c r="BE16" s="20"/>
      <c r="BF16" s="20"/>
      <c r="BG16" s="20"/>
      <c r="BH16" s="20"/>
      <c r="BI16" s="20"/>
      <c r="BJ16" s="20"/>
      <c r="BK16" s="20"/>
      <c r="BL16" s="20"/>
      <c r="BM16" s="20"/>
      <c r="BN16" s="20"/>
      <c r="BO16" s="20"/>
      <c r="BP16" s="20"/>
      <c r="BQ16" s="20"/>
      <c r="BR16" s="20"/>
      <c r="BS16" s="20"/>
      <c r="BT16" s="20"/>
      <c r="BU16" s="20"/>
      <c r="BV16" s="20"/>
      <c r="BW16" s="20"/>
      <c r="BX16" s="20"/>
      <c r="BY16" s="20"/>
      <c r="BZ16" s="20"/>
      <c r="CA16" s="20"/>
      <c r="CB16" s="20"/>
      <c r="CC16" s="20"/>
      <c r="CD16" s="20"/>
      <c r="CE16" s="20"/>
      <c r="CF16" s="20"/>
      <c r="CG16" s="20"/>
      <c r="CH16" s="20"/>
      <c r="CI16" s="20"/>
      <c r="CJ16" s="20"/>
      <c r="CK16" s="20"/>
      <c r="CL16" s="20"/>
      <c r="CM16" s="20"/>
      <c r="CN16" s="20"/>
      <c r="CO16" s="20"/>
      <c r="CP16" s="20"/>
      <c r="CQ16" s="20"/>
      <c r="CR16" s="20"/>
      <c r="CS16" s="20"/>
      <c r="CT16" s="20"/>
      <c r="CU16" s="20"/>
      <c r="CV16" s="20"/>
      <c r="CW16" s="20"/>
      <c r="CX16" s="20"/>
      <c r="CY16" s="20"/>
      <c r="CZ16" s="20"/>
      <c r="DA16" s="20"/>
      <c r="DB16" s="20"/>
      <c r="DC16" s="20"/>
      <c r="DD16" s="20"/>
      <c r="DE16" s="20"/>
      <c r="DF16" s="20"/>
      <c r="DG16" s="20"/>
      <c r="DH16" s="20"/>
      <c r="DI16" s="20"/>
      <c r="DJ16" s="20"/>
      <c r="DK16" s="20"/>
      <c r="DL16" s="20"/>
      <c r="DM16" s="20"/>
      <c r="DN16" s="20"/>
      <c r="DO16" s="20"/>
      <c r="DP16" s="20"/>
      <c r="DQ16" s="20"/>
      <c r="DR16" s="20"/>
      <c r="DS16" s="20"/>
      <c r="DT16" s="20"/>
      <c r="DU16" s="20"/>
      <c r="DV16" s="20"/>
      <c r="DW16" s="20"/>
      <c r="DX16" s="20"/>
      <c r="DY16" s="20"/>
      <c r="DZ16" s="20"/>
      <c r="EA16" s="20"/>
      <c r="EB16" s="20"/>
      <c r="EC16" s="20"/>
      <c r="ED16" s="20"/>
      <c r="EE16" s="20"/>
      <c r="EF16" s="20"/>
      <c r="EG16" s="20"/>
      <c r="EH16" s="20"/>
      <c r="EI16" s="20"/>
      <c r="EJ16" s="20"/>
      <c r="EK16" s="20"/>
      <c r="EL16" s="20"/>
      <c r="EM16" s="20"/>
      <c r="EN16" s="20"/>
      <c r="EO16" s="20"/>
      <c r="EP16" s="20"/>
      <c r="EQ16" s="20"/>
      <c r="ER16" s="20"/>
      <c r="ES16" s="20"/>
      <c r="ET16" s="20"/>
      <c r="EU16" s="20"/>
      <c r="EV16" s="20"/>
      <c r="EW16" s="20"/>
      <c r="EX16" s="20"/>
      <c r="EY16" s="20"/>
      <c r="EZ16" s="20"/>
      <c r="FA16" s="20"/>
      <c r="FB16" s="20"/>
      <c r="FC16" s="20"/>
      <c r="FD16" s="20"/>
      <c r="FE16" s="20"/>
      <c r="FF16" s="20"/>
      <c r="FG16" s="20"/>
      <c r="FH16" s="20"/>
      <c r="FI16" s="20"/>
      <c r="FJ16" s="20"/>
      <c r="FK16" s="20"/>
      <c r="FL16" s="20"/>
      <c r="FM16" s="20"/>
      <c r="FN16" s="20"/>
      <c r="FO16" s="20"/>
      <c r="FP16" s="20"/>
      <c r="FQ16" s="20"/>
      <c r="FR16" s="20"/>
      <c r="FS16" s="20"/>
      <c r="FT16" s="20"/>
      <c r="FU16" s="20"/>
      <c r="FV16" s="20"/>
      <c r="FW16" s="20"/>
      <c r="FX16" s="20"/>
      <c r="FY16" s="20"/>
      <c r="FZ16" s="20"/>
      <c r="GA16" s="20"/>
      <c r="GB16" s="20"/>
      <c r="GC16" s="20"/>
      <c r="GD16" s="20"/>
      <c r="GE16" s="20"/>
      <c r="GF16" s="20"/>
      <c r="GG16" s="20"/>
      <c r="GH16" s="20"/>
      <c r="GI16" s="20"/>
      <c r="GJ16" s="20"/>
      <c r="GK16" s="20"/>
      <c r="GL16" s="20"/>
      <c r="GM16" s="20"/>
      <c r="GN16" s="20"/>
      <c r="GO16" s="20"/>
      <c r="GP16" s="20"/>
      <c r="GQ16" s="20"/>
      <c r="GR16" s="20"/>
      <c r="GS16" s="20"/>
      <c r="GT16" s="20"/>
      <c r="GU16" s="20"/>
      <c r="GV16" s="20"/>
      <c r="GW16" s="20"/>
      <c r="GX16" s="20"/>
      <c r="GY16" s="20"/>
      <c r="GZ16" s="20"/>
      <c r="HA16" s="20"/>
      <c r="HB16" s="20"/>
      <c r="HC16" s="20"/>
      <c r="HD16" s="20"/>
      <c r="HE16" s="20"/>
      <c r="HF16" s="20"/>
      <c r="HG16" s="20"/>
      <c r="HH16" s="20"/>
      <c r="HI16" s="20"/>
      <c r="HJ16" s="20"/>
      <c r="HK16" s="20"/>
      <c r="HL16" s="20"/>
      <c r="HM16" s="20"/>
      <c r="HN16" s="20"/>
      <c r="HO16" s="20"/>
      <c r="HP16" s="20"/>
      <c r="HQ16" s="20"/>
      <c r="HR16" s="20"/>
      <c r="HS16" s="20"/>
      <c r="HT16" s="20"/>
      <c r="HU16" s="20"/>
      <c r="HV16" s="20"/>
      <c r="HW16" s="20"/>
      <c r="HX16" s="20"/>
      <c r="HY16" s="20"/>
      <c r="HZ16" s="20"/>
      <c r="IA16" s="20"/>
      <c r="IB16" s="20"/>
      <c r="IC16" s="20"/>
      <c r="ID16" s="20"/>
      <c r="IE16" s="20"/>
      <c r="IF16" s="20"/>
      <c r="IG16" s="20"/>
    </row>
    <row r="17" spans="1:241">
      <c r="A17" s="86"/>
      <c r="B17" s="140">
        <v>6</v>
      </c>
      <c r="C17" s="141" t="s">
        <v>252</v>
      </c>
      <c r="D17" s="141">
        <v>162091.26227140141</v>
      </c>
      <c r="E17" s="445">
        <v>154505.38912905884</v>
      </c>
      <c r="F17" s="299"/>
      <c r="G17" s="21"/>
      <c r="H17" s="21"/>
      <c r="I17" s="229"/>
      <c r="J17" s="229"/>
      <c r="K17" s="64"/>
      <c r="L17" s="64"/>
      <c r="M17" s="64"/>
      <c r="N17" s="64"/>
      <c r="O17" s="64"/>
      <c r="P17" s="64"/>
      <c r="Q17" s="64"/>
      <c r="R17" s="64"/>
      <c r="S17" s="64"/>
      <c r="T17" s="64"/>
      <c r="U17" s="64"/>
      <c r="V17" s="64"/>
      <c r="W17" s="64"/>
      <c r="X17" s="64"/>
      <c r="Y17" s="64"/>
      <c r="Z17" s="64"/>
      <c r="AA17" s="64"/>
      <c r="AB17" s="64"/>
      <c r="AC17" s="64"/>
      <c r="AD17" s="64"/>
      <c r="AE17" s="64"/>
      <c r="AF17" s="64"/>
      <c r="AG17" s="64"/>
      <c r="AH17" s="64"/>
      <c r="AI17" s="64"/>
      <c r="AJ17" s="64"/>
      <c r="AK17" s="64"/>
      <c r="AL17" s="64"/>
      <c r="AM17" s="64"/>
      <c r="AN17" s="64"/>
      <c r="AO17" s="64"/>
      <c r="AP17" s="64"/>
      <c r="AQ17" s="64"/>
      <c r="AR17" s="64"/>
      <c r="AS17" s="64"/>
      <c r="AT17" s="64"/>
      <c r="AU17" s="64"/>
      <c r="AV17" s="64"/>
      <c r="AW17" s="64"/>
      <c r="AX17" s="64"/>
      <c r="AY17" s="64"/>
      <c r="AZ17" s="64"/>
      <c r="BA17" s="64"/>
      <c r="BB17" s="64"/>
      <c r="BC17" s="64"/>
      <c r="BD17" s="64"/>
      <c r="BE17" s="64"/>
      <c r="BF17" s="64"/>
      <c r="BG17" s="64"/>
      <c r="BH17" s="64"/>
      <c r="BI17" s="64"/>
      <c r="BJ17" s="64"/>
      <c r="BK17" s="64"/>
      <c r="BL17" s="64"/>
      <c r="BM17" s="64"/>
      <c r="BN17" s="64"/>
      <c r="BO17" s="64"/>
      <c r="BP17" s="64"/>
      <c r="BQ17" s="64"/>
      <c r="BR17" s="64"/>
      <c r="BS17" s="64"/>
      <c r="BT17" s="64"/>
      <c r="BU17" s="64"/>
      <c r="BV17" s="64"/>
      <c r="BW17" s="64"/>
      <c r="BX17" s="64"/>
      <c r="BY17" s="64"/>
      <c r="BZ17" s="64"/>
      <c r="CA17" s="64"/>
      <c r="CB17" s="64"/>
      <c r="CC17" s="64"/>
      <c r="CD17" s="64"/>
      <c r="CE17" s="64"/>
      <c r="CF17" s="64"/>
      <c r="CG17" s="64"/>
      <c r="CH17" s="64"/>
      <c r="CI17" s="64"/>
      <c r="CJ17" s="64"/>
      <c r="CK17" s="64"/>
      <c r="CL17" s="64"/>
      <c r="CM17" s="64"/>
      <c r="CN17" s="64"/>
      <c r="CO17" s="64"/>
      <c r="CP17" s="64"/>
      <c r="CQ17" s="64"/>
      <c r="CR17" s="64"/>
      <c r="CS17" s="64"/>
      <c r="CT17" s="64"/>
      <c r="CU17" s="64"/>
      <c r="CV17" s="64"/>
      <c r="CW17" s="64"/>
      <c r="CX17" s="64"/>
      <c r="CY17" s="64"/>
      <c r="CZ17" s="64"/>
      <c r="DA17" s="64"/>
      <c r="DB17" s="64"/>
      <c r="DC17" s="64"/>
      <c r="DD17" s="64"/>
      <c r="DE17" s="64"/>
      <c r="DF17" s="64"/>
      <c r="DG17" s="64"/>
      <c r="DH17" s="64"/>
      <c r="DI17" s="64"/>
      <c r="DJ17" s="64"/>
      <c r="DK17" s="64"/>
      <c r="DL17" s="64"/>
      <c r="DM17" s="64"/>
      <c r="DN17" s="64"/>
      <c r="DO17" s="64"/>
      <c r="DP17" s="64"/>
      <c r="DQ17" s="64"/>
      <c r="DR17" s="64"/>
      <c r="DS17" s="64"/>
      <c r="DT17" s="64"/>
      <c r="DU17" s="64"/>
      <c r="DV17" s="64"/>
      <c r="DW17" s="64"/>
      <c r="DX17" s="64"/>
      <c r="DY17" s="64"/>
      <c r="DZ17" s="64"/>
      <c r="EA17" s="64"/>
      <c r="EB17" s="64"/>
      <c r="EC17" s="64"/>
      <c r="ED17" s="64"/>
      <c r="EE17" s="64"/>
      <c r="EF17" s="64"/>
      <c r="EG17" s="64"/>
      <c r="EH17" s="64"/>
      <c r="EI17" s="64"/>
      <c r="EJ17" s="64"/>
      <c r="EK17" s="64"/>
      <c r="EL17" s="64"/>
      <c r="EM17" s="64"/>
      <c r="EN17" s="64"/>
      <c r="EO17" s="64"/>
      <c r="EP17" s="64"/>
      <c r="EQ17" s="64"/>
      <c r="ER17" s="64"/>
      <c r="ES17" s="64"/>
      <c r="ET17" s="64"/>
      <c r="EU17" s="64"/>
      <c r="EV17" s="64"/>
      <c r="EW17" s="64"/>
      <c r="EX17" s="64"/>
      <c r="EY17" s="64"/>
      <c r="EZ17" s="64"/>
      <c r="FA17" s="64"/>
      <c r="FB17" s="64"/>
      <c r="FC17" s="64"/>
      <c r="FD17" s="64"/>
      <c r="FE17" s="64"/>
      <c r="FF17" s="64"/>
      <c r="FG17" s="64"/>
      <c r="FH17" s="64"/>
      <c r="FI17" s="64"/>
      <c r="FJ17" s="64"/>
      <c r="FK17" s="64"/>
      <c r="FL17" s="64"/>
      <c r="FM17" s="64"/>
      <c r="FN17" s="64"/>
      <c r="FO17" s="64"/>
      <c r="FP17" s="64"/>
      <c r="FQ17" s="64"/>
      <c r="FR17" s="64"/>
      <c r="FS17" s="64"/>
      <c r="FT17" s="64"/>
      <c r="FU17" s="64"/>
      <c r="FV17" s="64"/>
      <c r="FW17" s="64"/>
      <c r="FX17" s="64"/>
      <c r="FY17" s="64"/>
      <c r="FZ17" s="64"/>
      <c r="GA17" s="64"/>
      <c r="GB17" s="64"/>
      <c r="GC17" s="64"/>
      <c r="GD17" s="64"/>
      <c r="GE17" s="64"/>
      <c r="GF17" s="64"/>
      <c r="GG17" s="64"/>
      <c r="GH17" s="64"/>
      <c r="GI17" s="64"/>
      <c r="GJ17" s="64"/>
      <c r="GK17" s="64"/>
      <c r="GL17" s="64"/>
      <c r="GM17" s="64"/>
      <c r="GN17" s="64"/>
      <c r="GO17" s="64"/>
      <c r="GP17" s="64"/>
      <c r="GQ17" s="64"/>
      <c r="GR17" s="64"/>
      <c r="GS17" s="64"/>
      <c r="GT17" s="64"/>
      <c r="GU17" s="64"/>
      <c r="GV17" s="64"/>
      <c r="GW17" s="64"/>
      <c r="GX17" s="64"/>
      <c r="GY17" s="64"/>
      <c r="GZ17" s="64"/>
      <c r="HA17" s="64"/>
      <c r="HB17" s="64"/>
      <c r="HC17" s="64"/>
      <c r="HD17" s="64"/>
      <c r="HE17" s="64"/>
      <c r="HF17" s="64"/>
      <c r="HG17" s="64"/>
      <c r="HH17" s="64"/>
      <c r="HI17" s="64"/>
      <c r="HJ17" s="64"/>
      <c r="HK17" s="64"/>
      <c r="HL17" s="64"/>
      <c r="HM17" s="64"/>
      <c r="HN17" s="64"/>
      <c r="HO17" s="64"/>
      <c r="HP17" s="64"/>
      <c r="HQ17" s="64"/>
      <c r="HR17" s="64"/>
      <c r="HS17" s="64"/>
      <c r="HT17" s="64"/>
      <c r="HU17" s="64"/>
      <c r="HV17" s="64"/>
      <c r="HW17" s="64"/>
      <c r="HX17" s="64"/>
      <c r="HY17" s="64"/>
      <c r="HZ17" s="64"/>
      <c r="IA17" s="64"/>
      <c r="IB17" s="64"/>
      <c r="IC17" s="64"/>
      <c r="ID17" s="64"/>
      <c r="IE17" s="64"/>
      <c r="IF17" s="64"/>
      <c r="IG17" s="64"/>
    </row>
    <row r="18" spans="1:241">
      <c r="A18" s="86"/>
      <c r="B18" s="137" t="s">
        <v>253</v>
      </c>
      <c r="C18" s="21"/>
      <c r="D18" s="21"/>
      <c r="E18" s="444"/>
      <c r="F18" s="215"/>
      <c r="G18" s="21"/>
      <c r="H18" s="21"/>
    </row>
    <row r="19" spans="1:241">
      <c r="A19" s="86"/>
      <c r="B19" s="138">
        <v>7</v>
      </c>
      <c r="C19" s="21" t="s">
        <v>254</v>
      </c>
      <c r="D19" s="21">
        <v>-894.19299999999998</v>
      </c>
      <c r="E19" s="444">
        <v>-1071.3610000000001</v>
      </c>
      <c r="F19" s="215" t="s">
        <v>509</v>
      </c>
      <c r="G19" s="21"/>
      <c r="H19" s="21"/>
    </row>
    <row r="20" spans="1:241" s="228" customFormat="1">
      <c r="A20" s="87"/>
      <c r="B20" s="138">
        <v>8</v>
      </c>
      <c r="C20" s="21" t="s">
        <v>255</v>
      </c>
      <c r="D20" s="21">
        <v>-5935.0736024167836</v>
      </c>
      <c r="E20" s="653">
        <v>-6526.6825592320874</v>
      </c>
      <c r="F20" s="215" t="s">
        <v>510</v>
      </c>
      <c r="G20" s="21"/>
      <c r="H20" s="21"/>
    </row>
    <row r="21" spans="1:241">
      <c r="A21" s="86"/>
      <c r="B21" s="138">
        <v>9</v>
      </c>
      <c r="C21" s="21" t="s">
        <v>256</v>
      </c>
      <c r="D21" s="21"/>
      <c r="E21" s="444"/>
      <c r="F21" s="215"/>
      <c r="G21" s="21"/>
      <c r="H21" s="21"/>
    </row>
    <row r="22" spans="1:241" ht="26">
      <c r="A22" s="86"/>
      <c r="B22" s="138">
        <v>10</v>
      </c>
      <c r="C22" s="139" t="s">
        <v>257</v>
      </c>
      <c r="D22" s="21">
        <v>-11.468586</v>
      </c>
      <c r="E22" s="444">
        <v>-8.153023000000001</v>
      </c>
      <c r="F22" s="215" t="s">
        <v>511</v>
      </c>
      <c r="G22" s="21"/>
      <c r="H22" s="21"/>
    </row>
    <row r="23" spans="1:241">
      <c r="A23" s="86"/>
      <c r="B23" s="138">
        <v>11</v>
      </c>
      <c r="C23" s="21" t="s">
        <v>258</v>
      </c>
      <c r="D23" s="21">
        <v>47.035056340000004</v>
      </c>
      <c r="E23" s="444">
        <v>56.957163180000002</v>
      </c>
      <c r="F23" s="215" t="s">
        <v>512</v>
      </c>
      <c r="G23" s="21"/>
      <c r="H23" s="21"/>
    </row>
    <row r="24" spans="1:241">
      <c r="A24" s="86"/>
      <c r="B24" s="138">
        <v>12</v>
      </c>
      <c r="C24" s="21" t="s">
        <v>259</v>
      </c>
      <c r="D24" s="227"/>
      <c r="E24" s="444">
        <v>-101.33420235456619</v>
      </c>
      <c r="F24" s="215" t="s">
        <v>513</v>
      </c>
      <c r="G24" s="21"/>
    </row>
    <row r="25" spans="1:241" s="20" customFormat="1">
      <c r="A25" s="86"/>
      <c r="B25" s="138">
        <v>13</v>
      </c>
      <c r="C25" s="21" t="s">
        <v>260</v>
      </c>
      <c r="D25" s="21"/>
      <c r="E25" s="444"/>
      <c r="F25" s="215" t="s">
        <v>531</v>
      </c>
      <c r="G25" s="21"/>
      <c r="H25" s="21"/>
      <c r="I25" s="228"/>
      <c r="J25" s="228"/>
    </row>
    <row r="26" spans="1:241" s="20" customFormat="1">
      <c r="B26" s="138">
        <v>14</v>
      </c>
      <c r="C26" s="21" t="s">
        <v>261</v>
      </c>
      <c r="D26" s="21">
        <v>2.9429671788359992</v>
      </c>
      <c r="E26" s="444">
        <v>14.263756990414986</v>
      </c>
      <c r="F26" s="215" t="s">
        <v>514</v>
      </c>
      <c r="G26" s="21"/>
      <c r="H26" s="21"/>
      <c r="I26" s="228"/>
      <c r="J26" s="228"/>
    </row>
    <row r="27" spans="1:241" s="20" customFormat="1">
      <c r="B27" s="138">
        <v>15</v>
      </c>
      <c r="C27" s="21" t="s">
        <v>262</v>
      </c>
      <c r="D27" s="21">
        <v>-3007.5267931492526</v>
      </c>
      <c r="E27" s="444">
        <v>-1776.1286169807138</v>
      </c>
      <c r="F27" s="215" t="s">
        <v>515</v>
      </c>
      <c r="G27" s="21"/>
      <c r="H27" s="21"/>
      <c r="I27" s="228"/>
      <c r="J27" s="228"/>
    </row>
    <row r="28" spans="1:241" s="20" customFormat="1">
      <c r="B28" s="138">
        <v>16</v>
      </c>
      <c r="C28" s="21" t="s">
        <v>263</v>
      </c>
      <c r="D28" s="21">
        <v>-169</v>
      </c>
      <c r="E28" s="444">
        <v>-159.28</v>
      </c>
      <c r="F28" s="215" t="s">
        <v>516</v>
      </c>
      <c r="G28" s="21"/>
      <c r="H28" s="21"/>
      <c r="I28" s="228"/>
      <c r="J28" s="228"/>
    </row>
    <row r="29" spans="1:241" s="20" customFormat="1" ht="27" customHeight="1">
      <c r="B29" s="138">
        <v>17</v>
      </c>
      <c r="C29" s="139" t="s">
        <v>461</v>
      </c>
      <c r="D29" s="21"/>
      <c r="E29" s="444"/>
      <c r="F29" s="215" t="s">
        <v>532</v>
      </c>
      <c r="G29" s="21"/>
      <c r="H29" s="21"/>
      <c r="I29" s="228"/>
      <c r="J29" s="228"/>
    </row>
    <row r="30" spans="1:241" s="20" customFormat="1" ht="39">
      <c r="B30" s="138">
        <v>18</v>
      </c>
      <c r="C30" s="139" t="s">
        <v>462</v>
      </c>
      <c r="D30" s="21"/>
      <c r="E30" s="444"/>
      <c r="F30" s="300" t="s">
        <v>534</v>
      </c>
      <c r="G30" s="21"/>
      <c r="H30" s="21"/>
      <c r="I30" s="228"/>
      <c r="J30" s="228"/>
    </row>
    <row r="31" spans="1:241" s="20" customFormat="1" ht="26">
      <c r="B31" s="138">
        <v>19</v>
      </c>
      <c r="C31" s="139" t="s">
        <v>264</v>
      </c>
      <c r="D31" s="21"/>
      <c r="E31" s="444"/>
      <c r="F31" s="300" t="s">
        <v>533</v>
      </c>
      <c r="G31" s="21"/>
      <c r="H31" s="21"/>
      <c r="I31" s="228"/>
      <c r="J31" s="228"/>
    </row>
    <row r="32" spans="1:241" s="20" customFormat="1">
      <c r="B32" s="138">
        <v>20</v>
      </c>
      <c r="C32" s="21" t="s">
        <v>256</v>
      </c>
      <c r="D32" s="21"/>
      <c r="E32" s="444"/>
      <c r="F32" s="215"/>
      <c r="G32" s="21"/>
      <c r="H32" s="21"/>
      <c r="I32" s="228"/>
      <c r="J32" s="228"/>
    </row>
    <row r="33" spans="2:10" s="20" customFormat="1">
      <c r="B33" s="138" t="s">
        <v>265</v>
      </c>
      <c r="C33" s="139" t="s">
        <v>266</v>
      </c>
      <c r="D33" s="21"/>
      <c r="E33" s="444"/>
      <c r="F33" s="215" t="s">
        <v>535</v>
      </c>
      <c r="G33" s="21"/>
      <c r="H33" s="21"/>
      <c r="I33" s="228"/>
      <c r="J33" s="228"/>
    </row>
    <row r="34" spans="2:10" s="20" customFormat="1">
      <c r="B34" s="138" t="s">
        <v>267</v>
      </c>
      <c r="C34" s="21" t="s">
        <v>268</v>
      </c>
      <c r="D34" s="21"/>
      <c r="E34" s="444"/>
      <c r="F34" s="215" t="s">
        <v>536</v>
      </c>
      <c r="G34" s="21"/>
      <c r="H34" s="21"/>
      <c r="I34" s="228"/>
      <c r="J34" s="228"/>
    </row>
    <row r="35" spans="2:10" s="20" customFormat="1" ht="26">
      <c r="B35" s="138" t="s">
        <v>269</v>
      </c>
      <c r="C35" s="21" t="s">
        <v>270</v>
      </c>
      <c r="D35" s="21"/>
      <c r="E35" s="444"/>
      <c r="F35" s="300" t="s">
        <v>537</v>
      </c>
      <c r="G35" s="21"/>
      <c r="H35" s="21"/>
      <c r="I35" s="228"/>
      <c r="J35" s="228"/>
    </row>
    <row r="36" spans="2:10" s="20" customFormat="1">
      <c r="B36" s="138" t="s">
        <v>271</v>
      </c>
      <c r="C36" s="21" t="s">
        <v>272</v>
      </c>
      <c r="D36" s="21"/>
      <c r="E36" s="444"/>
      <c r="F36" s="215" t="s">
        <v>538</v>
      </c>
      <c r="G36" s="21"/>
      <c r="H36" s="21"/>
      <c r="I36" s="228"/>
      <c r="J36" s="228"/>
    </row>
    <row r="37" spans="2:10" s="20" customFormat="1" ht="26">
      <c r="B37" s="138">
        <v>21</v>
      </c>
      <c r="C37" s="139" t="s">
        <v>273</v>
      </c>
      <c r="D37" s="21"/>
      <c r="E37" s="444"/>
      <c r="F37" s="215" t="s">
        <v>539</v>
      </c>
      <c r="G37" s="21"/>
      <c r="H37" s="21"/>
      <c r="I37" s="228"/>
      <c r="J37" s="228"/>
    </row>
    <row r="38" spans="2:10" s="20" customFormat="1">
      <c r="B38" s="138">
        <v>22</v>
      </c>
      <c r="C38" s="21" t="s">
        <v>463</v>
      </c>
      <c r="D38" s="21"/>
      <c r="E38" s="444"/>
      <c r="F38" s="215" t="s">
        <v>540</v>
      </c>
      <c r="G38" s="21"/>
      <c r="H38" s="21"/>
      <c r="I38" s="228"/>
      <c r="J38" s="228"/>
    </row>
    <row r="39" spans="2:10" s="20" customFormat="1" ht="26">
      <c r="B39" s="138">
        <v>23</v>
      </c>
      <c r="C39" s="139" t="s">
        <v>274</v>
      </c>
      <c r="D39" s="21"/>
      <c r="E39" s="444"/>
      <c r="F39" s="215" t="s">
        <v>541</v>
      </c>
      <c r="G39" s="21"/>
      <c r="H39" s="21"/>
      <c r="I39" s="228"/>
      <c r="J39" s="228"/>
    </row>
    <row r="40" spans="2:10" s="20" customFormat="1">
      <c r="B40" s="138">
        <v>24</v>
      </c>
      <c r="C40" s="21" t="s">
        <v>256</v>
      </c>
      <c r="D40" s="21"/>
      <c r="E40" s="444"/>
      <c r="F40" s="215"/>
      <c r="G40" s="21"/>
      <c r="H40" s="21"/>
      <c r="I40" s="228"/>
      <c r="J40" s="228"/>
    </row>
    <row r="41" spans="2:10" s="20" customFormat="1">
      <c r="B41" s="138">
        <v>25</v>
      </c>
      <c r="C41" s="21" t="s">
        <v>275</v>
      </c>
      <c r="D41" s="21"/>
      <c r="E41" s="444"/>
      <c r="F41" s="215" t="s">
        <v>539</v>
      </c>
      <c r="G41" s="21"/>
      <c r="H41" s="21"/>
      <c r="I41" s="228"/>
      <c r="J41" s="228"/>
    </row>
    <row r="42" spans="2:10" s="20" customFormat="1">
      <c r="B42" s="138" t="s">
        <v>276</v>
      </c>
      <c r="C42" s="21" t="s">
        <v>277</v>
      </c>
      <c r="D42" s="21"/>
      <c r="E42" s="444"/>
      <c r="F42" s="215" t="s">
        <v>542</v>
      </c>
      <c r="G42" s="21"/>
      <c r="H42" s="21"/>
      <c r="I42" s="228"/>
      <c r="J42" s="228"/>
    </row>
    <row r="43" spans="2:10" s="20" customFormat="1">
      <c r="B43" s="138" t="s">
        <v>278</v>
      </c>
      <c r="C43" s="21" t="s">
        <v>279</v>
      </c>
      <c r="D43" s="21"/>
      <c r="E43" s="444"/>
      <c r="F43" s="215" t="s">
        <v>543</v>
      </c>
      <c r="G43" s="21"/>
      <c r="H43" s="21"/>
      <c r="I43" s="228"/>
      <c r="J43" s="228"/>
    </row>
    <row r="44" spans="2:10" s="20" customFormat="1">
      <c r="B44" s="143">
        <v>27</v>
      </c>
      <c r="C44" s="144" t="s">
        <v>280</v>
      </c>
      <c r="D44" s="24"/>
      <c r="E44" s="446"/>
      <c r="F44" s="301" t="s">
        <v>544</v>
      </c>
      <c r="G44" s="21"/>
      <c r="H44" s="21"/>
      <c r="I44" s="228"/>
      <c r="J44" s="228"/>
    </row>
    <row r="45" spans="2:10" s="20" customFormat="1">
      <c r="B45" s="145">
        <v>28</v>
      </c>
      <c r="C45" s="146" t="s">
        <v>281</v>
      </c>
      <c r="D45" s="146">
        <v>-9967.2839580472009</v>
      </c>
      <c r="E45" s="447">
        <v>-9571.7184813969543</v>
      </c>
      <c r="F45" s="302"/>
      <c r="G45" s="21"/>
      <c r="H45" s="21"/>
      <c r="I45" s="228"/>
      <c r="J45" s="228"/>
    </row>
    <row r="46" spans="2:10" s="20" customFormat="1">
      <c r="B46" s="147">
        <v>29</v>
      </c>
      <c r="C46" s="142" t="s">
        <v>282</v>
      </c>
      <c r="D46" s="142">
        <v>152123.97831335422</v>
      </c>
      <c r="E46" s="448">
        <v>144933.67064766187</v>
      </c>
      <c r="F46" s="215"/>
      <c r="G46" s="21"/>
      <c r="H46" s="21"/>
      <c r="I46" s="228"/>
      <c r="J46" s="228"/>
    </row>
    <row r="47" spans="2:10" s="20" customFormat="1">
      <c r="B47" s="137" t="s">
        <v>283</v>
      </c>
      <c r="C47" s="21"/>
      <c r="D47" s="21"/>
      <c r="E47" s="444"/>
      <c r="F47" s="215"/>
      <c r="G47" s="21"/>
      <c r="H47" s="21"/>
      <c r="I47" s="228"/>
      <c r="J47" s="228"/>
    </row>
    <row r="48" spans="2:10" s="20" customFormat="1">
      <c r="B48" s="138">
        <v>30</v>
      </c>
      <c r="C48" s="21" t="s">
        <v>243</v>
      </c>
      <c r="D48" s="21">
        <v>12279</v>
      </c>
      <c r="E48" s="444">
        <v>13483.5</v>
      </c>
      <c r="F48" s="215" t="s">
        <v>517</v>
      </c>
      <c r="G48" s="21"/>
      <c r="H48" s="21"/>
      <c r="I48" s="228"/>
      <c r="J48" s="228"/>
    </row>
    <row r="49" spans="1:241" s="20" customFormat="1">
      <c r="B49" s="138">
        <v>31</v>
      </c>
      <c r="C49" s="21" t="s">
        <v>284</v>
      </c>
      <c r="D49" s="21"/>
      <c r="E49" s="444"/>
      <c r="F49" s="215"/>
      <c r="G49" s="21"/>
      <c r="H49" s="21"/>
      <c r="I49" s="228"/>
      <c r="J49" s="228"/>
    </row>
    <row r="50" spans="1:241" s="20" customFormat="1">
      <c r="B50" s="138">
        <v>32</v>
      </c>
      <c r="C50" s="21" t="s">
        <v>285</v>
      </c>
      <c r="D50" s="21">
        <v>12279</v>
      </c>
      <c r="E50" s="444">
        <v>13483.5</v>
      </c>
      <c r="F50" s="215"/>
      <c r="G50" s="21"/>
      <c r="H50" s="21"/>
      <c r="I50" s="228"/>
      <c r="J50" s="228"/>
    </row>
    <row r="51" spans="1:241" s="20" customFormat="1">
      <c r="B51" s="138">
        <v>33</v>
      </c>
      <c r="C51" s="139" t="s">
        <v>286</v>
      </c>
      <c r="D51" s="21"/>
      <c r="E51" s="444"/>
      <c r="F51" s="215" t="s">
        <v>545</v>
      </c>
      <c r="G51" s="21"/>
      <c r="H51" s="21"/>
      <c r="I51" s="228"/>
      <c r="J51" s="228"/>
    </row>
    <row r="52" spans="1:241" s="20" customFormat="1" ht="26">
      <c r="B52" s="138">
        <v>34</v>
      </c>
      <c r="C52" s="139" t="s">
        <v>287</v>
      </c>
      <c r="D52" s="21"/>
      <c r="E52" s="444"/>
      <c r="F52" s="215" t="s">
        <v>546</v>
      </c>
      <c r="G52" s="21"/>
      <c r="H52" s="21"/>
      <c r="I52" s="228"/>
      <c r="J52" s="228"/>
    </row>
    <row r="53" spans="1:241" s="20" customFormat="1">
      <c r="B53" s="143">
        <v>35</v>
      </c>
      <c r="C53" s="24" t="s">
        <v>288</v>
      </c>
      <c r="D53" s="24"/>
      <c r="E53" s="446"/>
      <c r="F53" s="301" t="s">
        <v>545</v>
      </c>
      <c r="G53" s="21"/>
      <c r="H53" s="21"/>
      <c r="I53" s="228"/>
      <c r="J53" s="228"/>
    </row>
    <row r="54" spans="1:241" s="20" customFormat="1">
      <c r="A54" s="64"/>
      <c r="B54" s="147">
        <v>36</v>
      </c>
      <c r="C54" s="142" t="s">
        <v>289</v>
      </c>
      <c r="D54" s="142">
        <v>12279</v>
      </c>
      <c r="E54" s="448">
        <v>13483.5</v>
      </c>
      <c r="F54" s="299"/>
      <c r="G54" s="21"/>
      <c r="H54" s="21"/>
      <c r="I54" s="229"/>
      <c r="J54" s="229"/>
      <c r="K54" s="64"/>
      <c r="L54" s="64"/>
      <c r="M54" s="64"/>
      <c r="N54" s="64"/>
      <c r="O54" s="64"/>
      <c r="P54" s="64"/>
      <c r="Q54" s="64"/>
      <c r="R54" s="64"/>
      <c r="S54" s="64"/>
      <c r="T54" s="64"/>
      <c r="U54" s="64"/>
      <c r="V54" s="64"/>
      <c r="W54" s="64"/>
      <c r="X54" s="64"/>
      <c r="Y54" s="64"/>
      <c r="Z54" s="64"/>
      <c r="AA54" s="64"/>
      <c r="AB54" s="64"/>
      <c r="AC54" s="64"/>
      <c r="AD54" s="64"/>
      <c r="AE54" s="64"/>
      <c r="AF54" s="64"/>
      <c r="AG54" s="64"/>
      <c r="AH54" s="64"/>
      <c r="AI54" s="64"/>
      <c r="AJ54" s="64"/>
      <c r="AK54" s="64"/>
      <c r="AL54" s="64"/>
      <c r="AM54" s="64"/>
      <c r="AN54" s="64"/>
      <c r="AO54" s="64"/>
      <c r="AP54" s="64"/>
      <c r="AQ54" s="64"/>
      <c r="AR54" s="64"/>
      <c r="AS54" s="64"/>
      <c r="AT54" s="64"/>
      <c r="AU54" s="64"/>
      <c r="AV54" s="64"/>
      <c r="AW54" s="64"/>
      <c r="AX54" s="64"/>
      <c r="AY54" s="64"/>
      <c r="AZ54" s="64"/>
      <c r="BA54" s="64"/>
      <c r="BB54" s="64"/>
      <c r="BC54" s="64"/>
      <c r="BD54" s="64"/>
      <c r="BE54" s="64"/>
      <c r="BF54" s="64"/>
      <c r="BG54" s="64"/>
      <c r="BH54" s="64"/>
      <c r="BI54" s="64"/>
      <c r="BJ54" s="64"/>
      <c r="BK54" s="64"/>
      <c r="BL54" s="64"/>
      <c r="BM54" s="64"/>
      <c r="BN54" s="64"/>
      <c r="BO54" s="64"/>
      <c r="BP54" s="64"/>
      <c r="BQ54" s="64"/>
      <c r="BR54" s="64"/>
      <c r="BS54" s="64"/>
      <c r="BT54" s="64"/>
      <c r="BU54" s="64"/>
      <c r="BV54" s="64"/>
      <c r="BW54" s="64"/>
      <c r="BX54" s="64"/>
      <c r="BY54" s="64"/>
      <c r="BZ54" s="64"/>
      <c r="CA54" s="64"/>
      <c r="CB54" s="64"/>
      <c r="CC54" s="64"/>
      <c r="CD54" s="64"/>
      <c r="CE54" s="64"/>
      <c r="CF54" s="64"/>
      <c r="CG54" s="64"/>
      <c r="CH54" s="64"/>
      <c r="CI54" s="64"/>
      <c r="CJ54" s="64"/>
      <c r="CK54" s="64"/>
      <c r="CL54" s="64"/>
      <c r="CM54" s="64"/>
      <c r="CN54" s="64"/>
      <c r="CO54" s="64"/>
      <c r="CP54" s="64"/>
      <c r="CQ54" s="64"/>
      <c r="CR54" s="64"/>
      <c r="CS54" s="64"/>
      <c r="CT54" s="64"/>
      <c r="CU54" s="64"/>
      <c r="CV54" s="64"/>
      <c r="CW54" s="64"/>
      <c r="CX54" s="64"/>
      <c r="CY54" s="64"/>
      <c r="CZ54" s="64"/>
      <c r="DA54" s="64"/>
      <c r="DB54" s="64"/>
      <c r="DC54" s="64"/>
      <c r="DD54" s="64"/>
      <c r="DE54" s="64"/>
      <c r="DF54" s="64"/>
      <c r="DG54" s="64"/>
      <c r="DH54" s="64"/>
      <c r="DI54" s="64"/>
      <c r="DJ54" s="64"/>
      <c r="DK54" s="64"/>
      <c r="DL54" s="64"/>
      <c r="DM54" s="64"/>
      <c r="DN54" s="64"/>
      <c r="DO54" s="64"/>
      <c r="DP54" s="64"/>
      <c r="DQ54" s="64"/>
      <c r="DR54" s="64"/>
      <c r="DS54" s="64"/>
      <c r="DT54" s="64"/>
      <c r="DU54" s="64"/>
      <c r="DV54" s="64"/>
      <c r="DW54" s="64"/>
      <c r="DX54" s="64"/>
      <c r="DY54" s="64"/>
      <c r="DZ54" s="64"/>
      <c r="EA54" s="64"/>
      <c r="EB54" s="64"/>
      <c r="EC54" s="64"/>
      <c r="ED54" s="64"/>
      <c r="EE54" s="64"/>
      <c r="EF54" s="64"/>
      <c r="EG54" s="64"/>
      <c r="EH54" s="64"/>
      <c r="EI54" s="64"/>
      <c r="EJ54" s="64"/>
      <c r="EK54" s="64"/>
      <c r="EL54" s="64"/>
      <c r="EM54" s="64"/>
      <c r="EN54" s="64"/>
      <c r="EO54" s="64"/>
      <c r="EP54" s="64"/>
      <c r="EQ54" s="64"/>
      <c r="ER54" s="64"/>
      <c r="ES54" s="64"/>
      <c r="ET54" s="64"/>
      <c r="EU54" s="64"/>
      <c r="EV54" s="64"/>
      <c r="EW54" s="64"/>
      <c r="EX54" s="64"/>
      <c r="EY54" s="64"/>
      <c r="EZ54" s="64"/>
      <c r="FA54" s="64"/>
      <c r="FB54" s="64"/>
      <c r="FC54" s="64"/>
      <c r="FD54" s="64"/>
      <c r="FE54" s="64"/>
      <c r="FF54" s="64"/>
      <c r="FG54" s="64"/>
      <c r="FH54" s="64"/>
      <c r="FI54" s="64"/>
      <c r="FJ54" s="64"/>
      <c r="FK54" s="64"/>
      <c r="FL54" s="64"/>
      <c r="FM54" s="64"/>
      <c r="FN54" s="64"/>
      <c r="FO54" s="64"/>
      <c r="FP54" s="64"/>
      <c r="FQ54" s="64"/>
      <c r="FR54" s="64"/>
      <c r="FS54" s="64"/>
      <c r="FT54" s="64"/>
      <c r="FU54" s="64"/>
      <c r="FV54" s="64"/>
      <c r="FW54" s="64"/>
      <c r="FX54" s="64"/>
      <c r="FY54" s="64"/>
      <c r="FZ54" s="64"/>
      <c r="GA54" s="64"/>
      <c r="GB54" s="64"/>
      <c r="GC54" s="64"/>
      <c r="GD54" s="64"/>
      <c r="GE54" s="64"/>
      <c r="GF54" s="64"/>
      <c r="GG54" s="64"/>
      <c r="GH54" s="64"/>
      <c r="GI54" s="64"/>
      <c r="GJ54" s="64"/>
      <c r="GK54" s="64"/>
      <c r="GL54" s="64"/>
      <c r="GM54" s="64"/>
      <c r="GN54" s="64"/>
      <c r="GO54" s="64"/>
      <c r="GP54" s="64"/>
      <c r="GQ54" s="64"/>
      <c r="GR54" s="64"/>
      <c r="GS54" s="64"/>
      <c r="GT54" s="64"/>
      <c r="GU54" s="64"/>
      <c r="GV54" s="64"/>
      <c r="GW54" s="64"/>
      <c r="GX54" s="64"/>
      <c r="GY54" s="64"/>
      <c r="GZ54" s="64"/>
      <c r="HA54" s="64"/>
      <c r="HB54" s="64"/>
      <c r="HC54" s="64"/>
      <c r="HD54" s="64"/>
      <c r="HE54" s="64"/>
      <c r="HF54" s="64"/>
      <c r="HG54" s="64"/>
      <c r="HH54" s="64"/>
      <c r="HI54" s="64"/>
      <c r="HJ54" s="64"/>
      <c r="HK54" s="64"/>
      <c r="HL54" s="64"/>
      <c r="HM54" s="64"/>
      <c r="HN54" s="64"/>
      <c r="HO54" s="64"/>
      <c r="HP54" s="64"/>
      <c r="HQ54" s="64"/>
      <c r="HR54" s="64"/>
      <c r="HS54" s="64"/>
      <c r="HT54" s="64"/>
      <c r="HU54" s="64"/>
      <c r="HV54" s="64"/>
      <c r="HW54" s="64"/>
      <c r="HX54" s="64"/>
      <c r="HY54" s="64"/>
      <c r="HZ54" s="64"/>
      <c r="IA54" s="64"/>
      <c r="IB54" s="64"/>
      <c r="IC54" s="64"/>
      <c r="ID54" s="64"/>
      <c r="IE54" s="64"/>
      <c r="IF54" s="64"/>
      <c r="IG54" s="64"/>
    </row>
    <row r="55" spans="1:241" s="20" customFormat="1">
      <c r="B55" s="137" t="s">
        <v>290</v>
      </c>
      <c r="C55" s="21"/>
      <c r="D55" s="21"/>
      <c r="E55" s="444"/>
      <c r="F55" s="215"/>
      <c r="G55" s="21"/>
      <c r="H55" s="21"/>
      <c r="I55" s="228"/>
      <c r="J55" s="228"/>
    </row>
    <row r="56" spans="1:241" s="20" customFormat="1">
      <c r="B56" s="138">
        <v>37</v>
      </c>
      <c r="C56" s="139" t="s">
        <v>291</v>
      </c>
      <c r="D56" s="21"/>
      <c r="E56" s="444"/>
      <c r="F56" s="215" t="s">
        <v>547</v>
      </c>
      <c r="G56" s="21"/>
      <c r="H56" s="21"/>
      <c r="I56" s="228"/>
      <c r="J56" s="228"/>
    </row>
    <row r="57" spans="1:241" s="20" customFormat="1" ht="26">
      <c r="B57" s="138">
        <v>38</v>
      </c>
      <c r="C57" s="139" t="s">
        <v>464</v>
      </c>
      <c r="D57" s="21"/>
      <c r="E57" s="444"/>
      <c r="F57" s="215" t="s">
        <v>548</v>
      </c>
      <c r="G57" s="21"/>
      <c r="H57" s="21"/>
      <c r="I57" s="228"/>
      <c r="J57" s="228"/>
    </row>
    <row r="58" spans="1:241" s="20" customFormat="1" ht="26">
      <c r="B58" s="138">
        <v>39</v>
      </c>
      <c r="C58" s="139" t="s">
        <v>465</v>
      </c>
      <c r="D58" s="21"/>
      <c r="E58" s="444"/>
      <c r="F58" s="215" t="s">
        <v>549</v>
      </c>
      <c r="G58" s="21"/>
      <c r="H58" s="21"/>
      <c r="I58" s="228"/>
      <c r="J58" s="228"/>
    </row>
    <row r="59" spans="1:241" s="20" customFormat="1" ht="26">
      <c r="B59" s="138">
        <v>40</v>
      </c>
      <c r="C59" s="139" t="s">
        <v>466</v>
      </c>
      <c r="D59" s="21"/>
      <c r="E59" s="444"/>
      <c r="F59" s="215" t="s">
        <v>550</v>
      </c>
      <c r="G59" s="21"/>
      <c r="H59" s="21"/>
      <c r="I59" s="228"/>
      <c r="J59" s="228"/>
    </row>
    <row r="60" spans="1:241" s="20" customFormat="1">
      <c r="B60" s="138">
        <v>41</v>
      </c>
      <c r="C60" s="139" t="s">
        <v>256</v>
      </c>
      <c r="D60" s="21"/>
      <c r="E60" s="444"/>
      <c r="F60" s="215"/>
      <c r="G60" s="21"/>
      <c r="H60" s="21"/>
      <c r="I60" s="228"/>
      <c r="J60" s="228"/>
    </row>
    <row r="61" spans="1:241" s="20" customFormat="1">
      <c r="B61" s="143">
        <v>42</v>
      </c>
      <c r="C61" s="24" t="s">
        <v>292</v>
      </c>
      <c r="D61" s="24"/>
      <c r="E61" s="446"/>
      <c r="F61" s="303">
        <v>56</v>
      </c>
      <c r="G61" s="21"/>
      <c r="H61" s="21"/>
      <c r="I61" s="228"/>
      <c r="J61" s="228"/>
    </row>
    <row r="62" spans="1:241" s="20" customFormat="1">
      <c r="B62" s="145">
        <v>43</v>
      </c>
      <c r="C62" s="146" t="s">
        <v>293</v>
      </c>
      <c r="D62" s="146"/>
      <c r="E62" s="451"/>
      <c r="F62" s="302"/>
      <c r="G62" s="21"/>
      <c r="H62" s="21"/>
      <c r="I62" s="228"/>
      <c r="J62" s="228"/>
    </row>
    <row r="63" spans="1:241" s="20" customFormat="1">
      <c r="B63" s="147">
        <v>44</v>
      </c>
      <c r="C63" s="142" t="s">
        <v>294</v>
      </c>
      <c r="D63" s="142">
        <v>12279</v>
      </c>
      <c r="E63" s="448">
        <v>13483.5</v>
      </c>
      <c r="F63" s="215"/>
      <c r="G63" s="21"/>
      <c r="H63" s="21"/>
      <c r="I63" s="228"/>
      <c r="J63" s="228"/>
    </row>
    <row r="64" spans="1:241" s="20" customFormat="1">
      <c r="B64" s="147">
        <v>45</v>
      </c>
      <c r="C64" s="142" t="s">
        <v>295</v>
      </c>
      <c r="D64" s="142">
        <v>164402.97831335422</v>
      </c>
      <c r="E64" s="448">
        <v>158417.17064766187</v>
      </c>
      <c r="F64" s="215"/>
      <c r="G64" s="21"/>
      <c r="H64" s="21"/>
      <c r="I64" s="228"/>
      <c r="J64" s="228"/>
    </row>
    <row r="65" spans="1:241" s="20" customFormat="1">
      <c r="B65" s="137" t="s">
        <v>296</v>
      </c>
      <c r="C65" s="21"/>
      <c r="D65" s="21"/>
      <c r="E65" s="444"/>
      <c r="F65" s="215"/>
      <c r="G65" s="21"/>
      <c r="H65" s="21"/>
      <c r="I65" s="228"/>
      <c r="J65" s="228"/>
    </row>
    <row r="66" spans="1:241" s="20" customFormat="1">
      <c r="B66" s="138">
        <v>46</v>
      </c>
      <c r="C66" s="21" t="s">
        <v>243</v>
      </c>
      <c r="D66" s="21">
        <v>18606.042000000001</v>
      </c>
      <c r="E66" s="444">
        <v>19496.601999999999</v>
      </c>
      <c r="F66" s="215" t="s">
        <v>518</v>
      </c>
      <c r="G66" s="21"/>
      <c r="H66" s="21"/>
      <c r="I66" s="228"/>
      <c r="J66" s="228"/>
    </row>
    <row r="67" spans="1:241" s="20" customFormat="1">
      <c r="B67" s="138">
        <v>47</v>
      </c>
      <c r="C67" s="139" t="s">
        <v>297</v>
      </c>
      <c r="D67" s="21"/>
      <c r="E67" s="444"/>
      <c r="F67" s="215" t="s">
        <v>551</v>
      </c>
      <c r="G67" s="21"/>
      <c r="H67" s="21"/>
      <c r="I67" s="228"/>
      <c r="J67" s="228"/>
    </row>
    <row r="68" spans="1:241" s="20" customFormat="1" ht="26">
      <c r="B68" s="138">
        <v>48</v>
      </c>
      <c r="C68" s="139" t="s">
        <v>298</v>
      </c>
      <c r="D68" s="21"/>
      <c r="E68" s="444"/>
      <c r="F68" s="215" t="s">
        <v>552</v>
      </c>
      <c r="G68" s="21"/>
      <c r="H68" s="21"/>
      <c r="I68" s="228"/>
      <c r="J68" s="228"/>
    </row>
    <row r="69" spans="1:241" s="20" customFormat="1">
      <c r="B69" s="138">
        <v>49</v>
      </c>
      <c r="C69" s="21" t="s">
        <v>299</v>
      </c>
      <c r="D69" s="21"/>
      <c r="E69" s="444"/>
      <c r="F69" s="215" t="s">
        <v>551</v>
      </c>
      <c r="G69" s="21"/>
      <c r="H69" s="21"/>
      <c r="I69" s="228"/>
      <c r="J69" s="228"/>
    </row>
    <row r="70" spans="1:241" s="20" customFormat="1">
      <c r="B70" s="143">
        <v>50</v>
      </c>
      <c r="C70" s="24" t="s">
        <v>300</v>
      </c>
      <c r="D70" s="24">
        <v>476.01941834545556</v>
      </c>
      <c r="E70" s="446">
        <v>448.89400301099943</v>
      </c>
      <c r="F70" s="301" t="s">
        <v>519</v>
      </c>
      <c r="G70" s="21"/>
      <c r="H70" s="21"/>
      <c r="I70" s="228"/>
      <c r="J70" s="228"/>
    </row>
    <row r="71" spans="1:241" s="20" customFormat="1">
      <c r="B71" s="147">
        <v>51</v>
      </c>
      <c r="C71" s="142" t="s">
        <v>301</v>
      </c>
      <c r="D71" s="142">
        <v>19082.061418345456</v>
      </c>
      <c r="E71" s="448">
        <v>19945.496003010998</v>
      </c>
      <c r="F71" s="215"/>
      <c r="G71" s="21"/>
      <c r="H71" s="21"/>
      <c r="I71" s="228"/>
      <c r="J71" s="228"/>
    </row>
    <row r="72" spans="1:241" s="20" customFormat="1">
      <c r="B72" s="137" t="s">
        <v>302</v>
      </c>
      <c r="C72" s="21"/>
      <c r="D72" s="21"/>
      <c r="E72" s="444"/>
      <c r="F72" s="215"/>
      <c r="G72" s="21"/>
      <c r="H72" s="21"/>
      <c r="I72" s="228"/>
      <c r="J72" s="228"/>
    </row>
    <row r="73" spans="1:241" s="20" customFormat="1">
      <c r="B73" s="138">
        <v>52</v>
      </c>
      <c r="C73" s="139" t="s">
        <v>303</v>
      </c>
      <c r="D73" s="21"/>
      <c r="E73" s="444"/>
      <c r="F73" s="215" t="s">
        <v>553</v>
      </c>
      <c r="G73" s="21"/>
      <c r="H73" s="21"/>
      <c r="I73" s="228"/>
      <c r="J73" s="228"/>
    </row>
    <row r="74" spans="1:241" s="20" customFormat="1" ht="26">
      <c r="B74" s="138">
        <v>53</v>
      </c>
      <c r="C74" s="139" t="s">
        <v>304</v>
      </c>
      <c r="D74" s="21"/>
      <c r="E74" s="444"/>
      <c r="F74" s="215" t="s">
        <v>554</v>
      </c>
      <c r="G74" s="21"/>
      <c r="H74" s="21"/>
      <c r="I74" s="228"/>
      <c r="J74" s="228"/>
    </row>
    <row r="75" spans="1:241" s="20" customFormat="1" ht="26">
      <c r="B75" s="138">
        <v>54</v>
      </c>
      <c r="C75" s="139" t="s">
        <v>305</v>
      </c>
      <c r="D75" s="21"/>
      <c r="E75" s="444"/>
      <c r="F75" s="215" t="s">
        <v>555</v>
      </c>
      <c r="G75" s="21"/>
      <c r="H75" s="21"/>
      <c r="I75" s="228"/>
      <c r="J75" s="228"/>
    </row>
    <row r="76" spans="1:241" s="20" customFormat="1" ht="26">
      <c r="B76" s="138">
        <v>55</v>
      </c>
      <c r="C76" s="139" t="s">
        <v>306</v>
      </c>
      <c r="D76" s="21">
        <v>-1650</v>
      </c>
      <c r="E76" s="444">
        <v>-1650</v>
      </c>
      <c r="F76" s="215" t="s">
        <v>520</v>
      </c>
      <c r="G76" s="21"/>
      <c r="H76" s="21"/>
      <c r="I76" s="228"/>
      <c r="J76" s="228"/>
    </row>
    <row r="77" spans="1:241" s="20" customFormat="1">
      <c r="B77" s="138">
        <v>56</v>
      </c>
      <c r="C77" s="139" t="s">
        <v>256</v>
      </c>
      <c r="D77" s="24"/>
      <c r="E77" s="446"/>
      <c r="F77" s="301"/>
      <c r="G77" s="21"/>
      <c r="H77" s="21"/>
      <c r="I77" s="228"/>
      <c r="J77" s="228"/>
    </row>
    <row r="78" spans="1:241" s="20" customFormat="1">
      <c r="A78" s="64"/>
      <c r="B78" s="145">
        <v>57</v>
      </c>
      <c r="C78" s="146" t="s">
        <v>307</v>
      </c>
      <c r="D78" s="146">
        <v>-1650</v>
      </c>
      <c r="E78" s="447">
        <v>-1650</v>
      </c>
      <c r="F78" s="304"/>
      <c r="G78" s="21"/>
      <c r="H78" s="21"/>
      <c r="I78" s="229"/>
      <c r="J78" s="229"/>
      <c r="K78" s="64"/>
      <c r="L78" s="64"/>
      <c r="M78" s="64"/>
      <c r="N78" s="64"/>
      <c r="O78" s="64"/>
      <c r="P78" s="64"/>
      <c r="Q78" s="64"/>
      <c r="R78" s="64"/>
      <c r="S78" s="64"/>
      <c r="T78" s="64"/>
      <c r="U78" s="64"/>
      <c r="V78" s="64"/>
      <c r="W78" s="64"/>
      <c r="X78" s="64"/>
      <c r="Y78" s="64"/>
      <c r="Z78" s="64"/>
      <c r="AA78" s="64"/>
      <c r="AB78" s="64"/>
      <c r="AC78" s="64"/>
      <c r="AD78" s="64"/>
      <c r="AE78" s="64"/>
      <c r="AF78" s="64"/>
      <c r="AG78" s="64"/>
      <c r="AH78" s="64"/>
      <c r="AI78" s="64"/>
      <c r="AJ78" s="64"/>
      <c r="AK78" s="64"/>
      <c r="AL78" s="64"/>
      <c r="AM78" s="64"/>
      <c r="AN78" s="64"/>
      <c r="AO78" s="64"/>
      <c r="AP78" s="64"/>
      <c r="AQ78" s="64"/>
      <c r="AR78" s="64"/>
      <c r="AS78" s="64"/>
      <c r="AT78" s="64"/>
      <c r="AU78" s="64"/>
      <c r="AV78" s="64"/>
      <c r="AW78" s="64"/>
      <c r="AX78" s="64"/>
      <c r="AY78" s="64"/>
      <c r="AZ78" s="64"/>
      <c r="BA78" s="64"/>
      <c r="BB78" s="64"/>
      <c r="BC78" s="64"/>
      <c r="BD78" s="64"/>
      <c r="BE78" s="64"/>
      <c r="BF78" s="64"/>
      <c r="BG78" s="64"/>
      <c r="BH78" s="64"/>
      <c r="BI78" s="64"/>
      <c r="BJ78" s="64"/>
      <c r="BK78" s="64"/>
      <c r="BL78" s="64"/>
      <c r="BM78" s="64"/>
      <c r="BN78" s="64"/>
      <c r="BO78" s="64"/>
      <c r="BP78" s="64"/>
      <c r="BQ78" s="64"/>
      <c r="BR78" s="64"/>
      <c r="BS78" s="64"/>
      <c r="BT78" s="64"/>
      <c r="BU78" s="64"/>
      <c r="BV78" s="64"/>
      <c r="BW78" s="64"/>
      <c r="BX78" s="64"/>
      <c r="BY78" s="64"/>
      <c r="BZ78" s="64"/>
      <c r="CA78" s="64"/>
      <c r="CB78" s="64"/>
      <c r="CC78" s="64"/>
      <c r="CD78" s="64"/>
      <c r="CE78" s="64"/>
      <c r="CF78" s="64"/>
      <c r="CG78" s="64"/>
      <c r="CH78" s="64"/>
      <c r="CI78" s="64"/>
      <c r="CJ78" s="64"/>
      <c r="CK78" s="64"/>
      <c r="CL78" s="64"/>
      <c r="CM78" s="64"/>
      <c r="CN78" s="64"/>
      <c r="CO78" s="64"/>
      <c r="CP78" s="64"/>
      <c r="CQ78" s="64"/>
      <c r="CR78" s="64"/>
      <c r="CS78" s="64"/>
      <c r="CT78" s="64"/>
      <c r="CU78" s="64"/>
      <c r="CV78" s="64"/>
      <c r="CW78" s="64"/>
      <c r="CX78" s="64"/>
      <c r="CY78" s="64"/>
      <c r="CZ78" s="64"/>
      <c r="DA78" s="64"/>
      <c r="DB78" s="64"/>
      <c r="DC78" s="64"/>
      <c r="DD78" s="64"/>
      <c r="DE78" s="64"/>
      <c r="DF78" s="64"/>
      <c r="DG78" s="64"/>
      <c r="DH78" s="64"/>
      <c r="DI78" s="64"/>
      <c r="DJ78" s="64"/>
      <c r="DK78" s="64"/>
      <c r="DL78" s="64"/>
      <c r="DM78" s="64"/>
      <c r="DN78" s="64"/>
      <c r="DO78" s="64"/>
      <c r="DP78" s="64"/>
      <c r="DQ78" s="64"/>
      <c r="DR78" s="64"/>
      <c r="DS78" s="64"/>
      <c r="DT78" s="64"/>
      <c r="DU78" s="64"/>
      <c r="DV78" s="64"/>
      <c r="DW78" s="64"/>
      <c r="DX78" s="64"/>
      <c r="DY78" s="64"/>
      <c r="DZ78" s="64"/>
      <c r="EA78" s="64"/>
      <c r="EB78" s="64"/>
      <c r="EC78" s="64"/>
      <c r="ED78" s="64"/>
      <c r="EE78" s="64"/>
      <c r="EF78" s="64"/>
      <c r="EG78" s="64"/>
      <c r="EH78" s="64"/>
      <c r="EI78" s="64"/>
      <c r="EJ78" s="64"/>
      <c r="EK78" s="64"/>
      <c r="EL78" s="64"/>
      <c r="EM78" s="64"/>
      <c r="EN78" s="64"/>
      <c r="EO78" s="64"/>
      <c r="EP78" s="64"/>
      <c r="EQ78" s="64"/>
      <c r="ER78" s="64"/>
      <c r="ES78" s="64"/>
      <c r="ET78" s="64"/>
      <c r="EU78" s="64"/>
      <c r="EV78" s="64"/>
      <c r="EW78" s="64"/>
      <c r="EX78" s="64"/>
      <c r="EY78" s="64"/>
      <c r="EZ78" s="64"/>
      <c r="FA78" s="64"/>
      <c r="FB78" s="64"/>
      <c r="FC78" s="64"/>
      <c r="FD78" s="64"/>
      <c r="FE78" s="64"/>
      <c r="FF78" s="64"/>
      <c r="FG78" s="64"/>
      <c r="FH78" s="64"/>
      <c r="FI78" s="64"/>
      <c r="FJ78" s="64"/>
      <c r="FK78" s="64"/>
      <c r="FL78" s="64"/>
      <c r="FM78" s="64"/>
      <c r="FN78" s="64"/>
      <c r="FO78" s="64"/>
      <c r="FP78" s="64"/>
      <c r="FQ78" s="64"/>
      <c r="FR78" s="64"/>
      <c r="FS78" s="64"/>
      <c r="FT78" s="64"/>
      <c r="FU78" s="64"/>
      <c r="FV78" s="64"/>
      <c r="FW78" s="64"/>
      <c r="FX78" s="64"/>
      <c r="FY78" s="64"/>
      <c r="FZ78" s="64"/>
      <c r="GA78" s="64"/>
      <c r="GB78" s="64"/>
      <c r="GC78" s="64"/>
      <c r="GD78" s="64"/>
      <c r="GE78" s="64"/>
      <c r="GF78" s="64"/>
      <c r="GG78" s="64"/>
      <c r="GH78" s="64"/>
      <c r="GI78" s="64"/>
      <c r="GJ78" s="64"/>
      <c r="GK78" s="64"/>
      <c r="GL78" s="64"/>
      <c r="GM78" s="64"/>
      <c r="GN78" s="64"/>
      <c r="GO78" s="64"/>
      <c r="GP78" s="64"/>
      <c r="GQ78" s="64"/>
      <c r="GR78" s="64"/>
      <c r="GS78" s="64"/>
      <c r="GT78" s="64"/>
      <c r="GU78" s="64"/>
      <c r="GV78" s="64"/>
      <c r="GW78" s="64"/>
      <c r="GX78" s="64"/>
      <c r="GY78" s="64"/>
      <c r="GZ78" s="64"/>
      <c r="HA78" s="64"/>
      <c r="HB78" s="64"/>
      <c r="HC78" s="64"/>
      <c r="HD78" s="64"/>
      <c r="HE78" s="64"/>
      <c r="HF78" s="64"/>
      <c r="HG78" s="64"/>
      <c r="HH78" s="64"/>
      <c r="HI78" s="64"/>
      <c r="HJ78" s="64"/>
      <c r="HK78" s="64"/>
      <c r="HL78" s="64"/>
      <c r="HM78" s="64"/>
      <c r="HN78" s="64"/>
      <c r="HO78" s="64"/>
      <c r="HP78" s="64"/>
      <c r="HQ78" s="64"/>
      <c r="HR78" s="64"/>
      <c r="HS78" s="64"/>
      <c r="HT78" s="64"/>
      <c r="HU78" s="64"/>
      <c r="HV78" s="64"/>
      <c r="HW78" s="64"/>
      <c r="HX78" s="64"/>
      <c r="HY78" s="64"/>
      <c r="HZ78" s="64"/>
      <c r="IA78" s="64"/>
      <c r="IB78" s="64"/>
      <c r="IC78" s="64"/>
      <c r="ID78" s="64"/>
      <c r="IE78" s="64"/>
      <c r="IF78" s="64"/>
      <c r="IG78" s="64"/>
    </row>
    <row r="79" spans="1:241" s="20" customFormat="1">
      <c r="B79" s="148">
        <v>58</v>
      </c>
      <c r="C79" s="149" t="s">
        <v>308</v>
      </c>
      <c r="D79" s="149">
        <v>17432.061418345456</v>
      </c>
      <c r="E79" s="449">
        <v>18295.496003010998</v>
      </c>
      <c r="F79" s="302"/>
      <c r="G79" s="21"/>
      <c r="H79" s="21"/>
      <c r="I79" s="228"/>
      <c r="J79" s="228"/>
    </row>
    <row r="80" spans="1:241" s="20" customFormat="1">
      <c r="B80" s="147">
        <v>59</v>
      </c>
      <c r="C80" s="142" t="s">
        <v>309</v>
      </c>
      <c r="D80" s="142">
        <v>181835.03973169968</v>
      </c>
      <c r="E80" s="448">
        <v>176712.66665067288</v>
      </c>
      <c r="F80" s="215"/>
      <c r="G80" s="21"/>
      <c r="H80" s="21"/>
      <c r="I80" s="228"/>
      <c r="J80" s="228"/>
    </row>
    <row r="81" spans="2:10" s="20" customFormat="1">
      <c r="B81" s="147">
        <v>60</v>
      </c>
      <c r="C81" s="142" t="s">
        <v>310</v>
      </c>
      <c r="D81" s="142">
        <v>725559.8812310152</v>
      </c>
      <c r="E81" s="448">
        <v>746307.84120612789</v>
      </c>
      <c r="F81" s="215"/>
      <c r="G81" s="21"/>
      <c r="H81" s="21"/>
      <c r="I81" s="228"/>
      <c r="J81" s="228"/>
    </row>
    <row r="82" spans="2:10" s="20" customFormat="1">
      <c r="B82" s="137" t="s">
        <v>311</v>
      </c>
      <c r="C82" s="21"/>
      <c r="D82" s="21"/>
      <c r="E82" s="444"/>
      <c r="F82" s="215"/>
      <c r="G82" s="21"/>
      <c r="H82" s="21"/>
      <c r="I82" s="228"/>
      <c r="J82" s="228"/>
    </row>
    <row r="83" spans="2:10" s="20" customFormat="1">
      <c r="B83" s="138">
        <v>61</v>
      </c>
      <c r="C83" s="139" t="s">
        <v>312</v>
      </c>
      <c r="D83" s="718" t="s">
        <v>743</v>
      </c>
      <c r="E83" s="719" t="s">
        <v>746</v>
      </c>
      <c r="F83" s="215" t="s">
        <v>521</v>
      </c>
      <c r="G83" s="21"/>
      <c r="H83" s="21"/>
      <c r="I83" s="228"/>
      <c r="J83" s="228"/>
    </row>
    <row r="84" spans="2:10" s="20" customFormat="1">
      <c r="B84" s="138">
        <v>62</v>
      </c>
      <c r="C84" s="21" t="s">
        <v>313</v>
      </c>
      <c r="D84" s="718" t="s">
        <v>744</v>
      </c>
      <c r="E84" s="719" t="s">
        <v>747</v>
      </c>
      <c r="F84" s="215" t="s">
        <v>522</v>
      </c>
      <c r="G84" s="21"/>
      <c r="H84" s="21"/>
      <c r="I84" s="228"/>
      <c r="J84" s="228"/>
    </row>
    <row r="85" spans="2:10" s="20" customFormat="1">
      <c r="B85" s="138">
        <v>63</v>
      </c>
      <c r="C85" s="21" t="s">
        <v>314</v>
      </c>
      <c r="D85" s="718" t="s">
        <v>745</v>
      </c>
      <c r="E85" s="719" t="s">
        <v>748</v>
      </c>
      <c r="F85" s="215" t="s">
        <v>523</v>
      </c>
      <c r="G85" s="21"/>
      <c r="H85" s="21"/>
      <c r="I85" s="228"/>
      <c r="J85" s="228"/>
    </row>
    <row r="86" spans="2:10" s="20" customFormat="1" ht="39">
      <c r="B86" s="138">
        <v>64</v>
      </c>
      <c r="C86" s="139" t="s">
        <v>315</v>
      </c>
      <c r="D86" s="718" t="s">
        <v>772</v>
      </c>
      <c r="E86" s="719" t="s">
        <v>775</v>
      </c>
      <c r="F86" s="215" t="s">
        <v>524</v>
      </c>
      <c r="G86" s="21"/>
      <c r="H86" s="21"/>
      <c r="I86" s="228"/>
      <c r="J86" s="228"/>
    </row>
    <row r="87" spans="2:10" s="20" customFormat="1">
      <c r="B87" s="138">
        <v>65</v>
      </c>
      <c r="C87" s="21" t="s">
        <v>316</v>
      </c>
      <c r="D87" s="718" t="s">
        <v>757</v>
      </c>
      <c r="E87" s="719" t="s">
        <v>757</v>
      </c>
      <c r="F87" s="215"/>
      <c r="G87" s="21"/>
      <c r="H87" s="21"/>
      <c r="I87" s="228"/>
      <c r="J87" s="228"/>
    </row>
    <row r="88" spans="2:10" s="20" customFormat="1">
      <c r="B88" s="138">
        <v>66</v>
      </c>
      <c r="C88" s="21" t="s">
        <v>317</v>
      </c>
      <c r="D88" s="718" t="s">
        <v>683</v>
      </c>
      <c r="E88" s="719" t="s">
        <v>683</v>
      </c>
      <c r="F88" s="215"/>
      <c r="G88" s="21"/>
      <c r="H88" s="21"/>
      <c r="I88" s="228"/>
      <c r="J88" s="228"/>
    </row>
    <row r="89" spans="2:10" s="20" customFormat="1">
      <c r="B89" s="138">
        <v>67</v>
      </c>
      <c r="C89" s="21" t="s">
        <v>318</v>
      </c>
      <c r="D89" s="718" t="s">
        <v>759</v>
      </c>
      <c r="E89" s="719" t="s">
        <v>759</v>
      </c>
      <c r="F89" s="215"/>
      <c r="G89" s="21"/>
      <c r="H89" s="21"/>
      <c r="I89" s="228"/>
      <c r="J89" s="228"/>
    </row>
    <row r="90" spans="2:10" s="20" customFormat="1">
      <c r="B90" s="138" t="s">
        <v>319</v>
      </c>
      <c r="C90" s="139" t="s">
        <v>320</v>
      </c>
      <c r="D90" s="718" t="s">
        <v>773</v>
      </c>
      <c r="E90" s="720"/>
      <c r="F90" s="215"/>
      <c r="G90" s="21"/>
      <c r="H90" s="21"/>
      <c r="I90" s="228"/>
      <c r="J90" s="228"/>
    </row>
    <row r="91" spans="2:10" s="20" customFormat="1">
      <c r="B91" s="138">
        <v>68</v>
      </c>
      <c r="C91" s="21" t="s">
        <v>321</v>
      </c>
      <c r="D91" s="718" t="s">
        <v>774</v>
      </c>
      <c r="E91" s="719" t="s">
        <v>776</v>
      </c>
      <c r="F91" s="215" t="s">
        <v>525</v>
      </c>
      <c r="G91" s="21"/>
      <c r="H91" s="21"/>
      <c r="I91" s="228"/>
      <c r="J91" s="228"/>
    </row>
    <row r="92" spans="2:10" s="20" customFormat="1">
      <c r="B92" s="138">
        <v>69</v>
      </c>
      <c r="C92" s="21" t="s">
        <v>322</v>
      </c>
      <c r="D92" s="21"/>
      <c r="E92" s="444"/>
      <c r="F92" s="215"/>
      <c r="G92" s="21"/>
      <c r="H92" s="21"/>
      <c r="I92" s="228"/>
      <c r="J92" s="228"/>
    </row>
    <row r="93" spans="2:10" s="20" customFormat="1">
      <c r="B93" s="138">
        <v>70</v>
      </c>
      <c r="C93" s="21" t="s">
        <v>322</v>
      </c>
      <c r="D93" s="21"/>
      <c r="E93" s="444"/>
      <c r="F93" s="215"/>
      <c r="G93" s="21"/>
      <c r="H93" s="21"/>
      <c r="I93" s="228"/>
      <c r="J93" s="228"/>
    </row>
    <row r="94" spans="2:10" s="20" customFormat="1">
      <c r="B94" s="138">
        <v>71</v>
      </c>
      <c r="C94" s="21" t="s">
        <v>322</v>
      </c>
      <c r="D94" s="21"/>
      <c r="E94" s="444"/>
      <c r="F94" s="215"/>
      <c r="G94" s="21"/>
      <c r="H94" s="21"/>
      <c r="I94" s="228"/>
      <c r="J94" s="228"/>
    </row>
    <row r="95" spans="2:10" s="20" customFormat="1">
      <c r="B95" s="137" t="s">
        <v>323</v>
      </c>
      <c r="C95" s="21"/>
      <c r="D95" s="21"/>
      <c r="E95" s="444"/>
      <c r="F95" s="215"/>
      <c r="G95" s="21"/>
      <c r="H95" s="21"/>
      <c r="I95" s="228"/>
      <c r="J95" s="228"/>
    </row>
    <row r="96" spans="2:10" s="20" customFormat="1" ht="39">
      <c r="B96" s="138">
        <v>72</v>
      </c>
      <c r="C96" s="139" t="s">
        <v>324</v>
      </c>
      <c r="D96" s="21">
        <v>2755.5790000000002</v>
      </c>
      <c r="E96" s="444">
        <v>2547.5249999999996</v>
      </c>
      <c r="F96" s="300" t="s">
        <v>526</v>
      </c>
      <c r="G96" s="21"/>
      <c r="H96" s="21"/>
      <c r="I96" s="228"/>
      <c r="J96" s="228"/>
    </row>
    <row r="97" spans="2:10" s="20" customFormat="1" ht="26">
      <c r="B97" s="138">
        <v>73</v>
      </c>
      <c r="C97" s="139" t="s">
        <v>325</v>
      </c>
      <c r="D97" s="21">
        <v>6802.9757353300001</v>
      </c>
      <c r="E97" s="444">
        <v>6790.9625213299996</v>
      </c>
      <c r="F97" s="300" t="s">
        <v>527</v>
      </c>
      <c r="G97" s="21"/>
      <c r="H97" s="21"/>
      <c r="I97" s="228"/>
      <c r="J97" s="228"/>
    </row>
    <row r="98" spans="2:10" s="20" customFormat="1">
      <c r="B98" s="138">
        <v>74</v>
      </c>
      <c r="C98" s="21" t="s">
        <v>256</v>
      </c>
      <c r="D98" s="21"/>
      <c r="E98" s="444"/>
      <c r="F98" s="215"/>
      <c r="G98" s="21"/>
      <c r="H98" s="21"/>
      <c r="I98" s="228"/>
      <c r="J98" s="228"/>
    </row>
    <row r="99" spans="2:10" s="20" customFormat="1" ht="26">
      <c r="B99" s="138">
        <v>75</v>
      </c>
      <c r="C99" s="139" t="s">
        <v>326</v>
      </c>
      <c r="D99" s="21"/>
      <c r="E99" s="444"/>
      <c r="F99" s="300" t="s">
        <v>556</v>
      </c>
      <c r="G99" s="21"/>
      <c r="H99" s="21"/>
      <c r="I99" s="228"/>
      <c r="J99" s="228"/>
    </row>
    <row r="100" spans="2:10" s="20" customFormat="1">
      <c r="B100" s="137" t="s">
        <v>327</v>
      </c>
      <c r="C100" s="21"/>
      <c r="D100" s="21"/>
      <c r="E100" s="444"/>
      <c r="F100" s="215"/>
      <c r="G100" s="21"/>
      <c r="H100" s="21"/>
      <c r="I100" s="228"/>
      <c r="J100" s="228"/>
    </row>
    <row r="101" spans="2:10" s="20" customFormat="1">
      <c r="B101" s="138">
        <v>76</v>
      </c>
      <c r="C101" s="139" t="s">
        <v>328</v>
      </c>
      <c r="D101" s="21"/>
      <c r="E101" s="444"/>
      <c r="F101" s="215">
        <v>62</v>
      </c>
      <c r="G101" s="21"/>
      <c r="H101" s="21"/>
      <c r="I101" s="228"/>
      <c r="J101" s="228"/>
    </row>
    <row r="102" spans="2:10" s="20" customFormat="1">
      <c r="B102" s="138">
        <v>77</v>
      </c>
      <c r="C102" s="21" t="s">
        <v>329</v>
      </c>
      <c r="D102" s="21"/>
      <c r="E102" s="444"/>
      <c r="F102" s="215">
        <v>62</v>
      </c>
      <c r="G102" s="21"/>
      <c r="H102" s="21"/>
      <c r="I102" s="228"/>
      <c r="J102" s="228"/>
    </row>
    <row r="103" spans="2:10" s="20" customFormat="1" ht="26">
      <c r="B103" s="138">
        <v>78</v>
      </c>
      <c r="C103" s="139" t="s">
        <v>330</v>
      </c>
      <c r="D103" s="21"/>
      <c r="E103" s="444"/>
      <c r="F103" s="215">
        <v>62</v>
      </c>
      <c r="G103" s="21"/>
      <c r="H103" s="21"/>
      <c r="I103" s="228"/>
      <c r="J103" s="228"/>
    </row>
    <row r="104" spans="2:10" s="20" customFormat="1">
      <c r="B104" s="138">
        <v>79</v>
      </c>
      <c r="C104" s="139" t="s">
        <v>331</v>
      </c>
      <c r="D104" s="21">
        <v>2809.9587858406749</v>
      </c>
      <c r="E104" s="444">
        <v>2953.6779908606986</v>
      </c>
      <c r="F104" s="214">
        <v>62</v>
      </c>
      <c r="G104" s="21"/>
      <c r="H104" s="21"/>
      <c r="I104" s="228"/>
      <c r="J104" s="228"/>
    </row>
    <row r="105" spans="2:10" s="20" customFormat="1">
      <c r="B105" s="137" t="s">
        <v>332</v>
      </c>
      <c r="C105" s="21"/>
      <c r="D105" s="21"/>
      <c r="E105" s="444"/>
      <c r="F105" s="215"/>
      <c r="G105" s="21"/>
      <c r="H105" s="21"/>
      <c r="I105" s="228"/>
      <c r="J105" s="228"/>
    </row>
    <row r="106" spans="2:10" s="20" customFormat="1">
      <c r="B106" s="137" t="s">
        <v>333</v>
      </c>
      <c r="C106" s="21"/>
      <c r="D106" s="21"/>
      <c r="E106" s="444"/>
      <c r="F106" s="215"/>
      <c r="G106" s="21"/>
      <c r="H106" s="21"/>
      <c r="I106" s="228"/>
      <c r="J106" s="228"/>
    </row>
    <row r="107" spans="2:10" s="20" customFormat="1">
      <c r="B107" s="138">
        <v>80</v>
      </c>
      <c r="C107" s="21" t="s">
        <v>334</v>
      </c>
      <c r="D107" s="21"/>
      <c r="E107" s="444"/>
      <c r="F107" s="215" t="s">
        <v>557</v>
      </c>
      <c r="G107" s="21"/>
      <c r="H107" s="21"/>
      <c r="I107" s="228"/>
      <c r="J107" s="228"/>
    </row>
    <row r="108" spans="2:10" s="20" customFormat="1">
      <c r="B108" s="138">
        <v>81</v>
      </c>
      <c r="C108" s="139" t="s">
        <v>335</v>
      </c>
      <c r="D108" s="21"/>
      <c r="E108" s="444"/>
      <c r="F108" s="215" t="s">
        <v>557</v>
      </c>
      <c r="G108" s="21"/>
      <c r="H108" s="21"/>
      <c r="I108" s="228"/>
      <c r="J108" s="228"/>
    </row>
    <row r="109" spans="2:10" s="20" customFormat="1">
      <c r="B109" s="138">
        <v>82</v>
      </c>
      <c r="C109" s="21" t="s">
        <v>336</v>
      </c>
      <c r="D109" s="21"/>
      <c r="E109" s="444"/>
      <c r="F109" s="215" t="s">
        <v>558</v>
      </c>
      <c r="G109" s="21"/>
      <c r="H109" s="21"/>
      <c r="I109" s="228"/>
      <c r="J109" s="228"/>
    </row>
    <row r="110" spans="2:10" s="20" customFormat="1">
      <c r="B110" s="138">
        <v>83</v>
      </c>
      <c r="C110" s="139" t="s">
        <v>337</v>
      </c>
      <c r="D110" s="21"/>
      <c r="E110" s="444"/>
      <c r="F110" s="215" t="s">
        <v>558</v>
      </c>
      <c r="G110" s="21"/>
      <c r="H110" s="21"/>
      <c r="I110" s="228"/>
      <c r="J110" s="228"/>
    </row>
    <row r="111" spans="2:10" s="20" customFormat="1">
      <c r="B111" s="138">
        <v>84</v>
      </c>
      <c r="C111" s="21" t="s">
        <v>338</v>
      </c>
      <c r="D111" s="21"/>
      <c r="E111" s="444"/>
      <c r="F111" s="215" t="s">
        <v>559</v>
      </c>
      <c r="G111" s="21"/>
      <c r="H111" s="21"/>
      <c r="I111" s="228"/>
      <c r="J111" s="228"/>
    </row>
    <row r="112" spans="2:10" s="20" customFormat="1">
      <c r="B112" s="138">
        <v>85</v>
      </c>
      <c r="C112" s="139" t="s">
        <v>339</v>
      </c>
      <c r="D112" s="21"/>
      <c r="E112" s="444"/>
      <c r="F112" s="215" t="s">
        <v>559</v>
      </c>
      <c r="G112" s="21"/>
      <c r="H112" s="21"/>
      <c r="I112" s="228"/>
      <c r="J112" s="228"/>
    </row>
    <row r="113" spans="1:241" s="20" customFormat="1">
      <c r="D113" s="229"/>
      <c r="E113" s="440"/>
      <c r="F113" s="215"/>
      <c r="H113" s="21"/>
      <c r="I113" s="228"/>
      <c r="J113" s="228"/>
    </row>
    <row r="114" spans="1:241" s="20" customFormat="1">
      <c r="B114" s="150"/>
      <c r="C114" s="150"/>
      <c r="D114" s="150"/>
      <c r="E114" s="450"/>
      <c r="F114" s="215"/>
      <c r="H114" s="228"/>
      <c r="I114" s="228"/>
      <c r="J114" s="228"/>
    </row>
    <row r="115" spans="1:241" s="20" customFormat="1">
      <c r="A115" s="87"/>
      <c r="B115" s="150"/>
      <c r="C115" s="150"/>
      <c r="D115" s="150"/>
      <c r="E115" s="450"/>
      <c r="F115" s="283"/>
      <c r="G115" s="87"/>
      <c r="H115" s="87"/>
      <c r="I115" s="87"/>
      <c r="J115" s="87"/>
      <c r="K115" s="87"/>
      <c r="L115" s="87"/>
      <c r="M115" s="87"/>
      <c r="N115" s="87"/>
      <c r="O115" s="87"/>
      <c r="P115" s="87"/>
      <c r="Q115" s="87"/>
      <c r="R115" s="87"/>
      <c r="S115" s="87"/>
      <c r="T115" s="87"/>
      <c r="U115" s="87"/>
      <c r="V115" s="87"/>
      <c r="W115" s="87"/>
      <c r="X115" s="87"/>
      <c r="Y115" s="87"/>
      <c r="Z115" s="87"/>
      <c r="AA115" s="87"/>
      <c r="AB115" s="87"/>
      <c r="AC115" s="87"/>
      <c r="AD115" s="87"/>
      <c r="AE115" s="87"/>
      <c r="AF115" s="87"/>
      <c r="AG115" s="87"/>
      <c r="AH115" s="87"/>
      <c r="AI115" s="87"/>
      <c r="AJ115" s="87"/>
      <c r="AK115" s="87"/>
      <c r="AL115" s="87"/>
      <c r="AM115" s="87"/>
      <c r="AN115" s="87"/>
      <c r="AO115" s="87"/>
      <c r="AP115" s="87"/>
      <c r="AQ115" s="87"/>
      <c r="AR115" s="87"/>
      <c r="AS115" s="87"/>
      <c r="AT115" s="87"/>
      <c r="AU115" s="87"/>
      <c r="AV115" s="87"/>
      <c r="AW115" s="87"/>
      <c r="AX115" s="87"/>
      <c r="AY115" s="87"/>
      <c r="AZ115" s="87"/>
      <c r="BA115" s="87"/>
      <c r="BB115" s="87"/>
      <c r="BC115" s="87"/>
      <c r="BD115" s="87"/>
      <c r="BE115" s="87"/>
      <c r="BF115" s="87"/>
      <c r="BG115" s="87"/>
      <c r="BH115" s="87"/>
      <c r="BI115" s="87"/>
      <c r="BJ115" s="87"/>
      <c r="BK115" s="87"/>
      <c r="BL115" s="87"/>
      <c r="BM115" s="87"/>
      <c r="BN115" s="87"/>
      <c r="BO115" s="87"/>
      <c r="BP115" s="87"/>
      <c r="BQ115" s="87"/>
      <c r="BR115" s="87"/>
      <c r="BS115" s="87"/>
      <c r="BT115" s="87"/>
      <c r="BU115" s="87"/>
      <c r="BV115" s="87"/>
      <c r="BW115" s="87"/>
      <c r="BX115" s="87"/>
      <c r="BY115" s="87"/>
      <c r="BZ115" s="87"/>
      <c r="CA115" s="87"/>
      <c r="CB115" s="87"/>
      <c r="CC115" s="87"/>
      <c r="CD115" s="87"/>
      <c r="CE115" s="87"/>
      <c r="CF115" s="87"/>
      <c r="CG115" s="87"/>
      <c r="CH115" s="87"/>
      <c r="CI115" s="87"/>
      <c r="CJ115" s="87"/>
      <c r="CK115" s="87"/>
      <c r="CL115" s="87"/>
      <c r="CM115" s="87"/>
      <c r="CN115" s="87"/>
      <c r="CO115" s="87"/>
      <c r="CP115" s="87"/>
      <c r="CQ115" s="87"/>
      <c r="CR115" s="87"/>
      <c r="CS115" s="87"/>
      <c r="CT115" s="87"/>
      <c r="CU115" s="87"/>
      <c r="CV115" s="87"/>
      <c r="CW115" s="87"/>
      <c r="CX115" s="87"/>
      <c r="CY115" s="87"/>
      <c r="CZ115" s="87"/>
      <c r="DA115" s="87"/>
      <c r="DB115" s="87"/>
      <c r="DC115" s="87"/>
      <c r="DD115" s="87"/>
      <c r="DE115" s="87"/>
      <c r="DF115" s="87"/>
      <c r="DG115" s="87"/>
      <c r="DH115" s="87"/>
      <c r="DI115" s="87"/>
      <c r="DJ115" s="87"/>
      <c r="DK115" s="87"/>
      <c r="DL115" s="87"/>
      <c r="DM115" s="87"/>
      <c r="DN115" s="87"/>
      <c r="DO115" s="87"/>
      <c r="DP115" s="87"/>
      <c r="DQ115" s="87"/>
      <c r="DR115" s="87"/>
      <c r="DS115" s="87"/>
      <c r="DT115" s="87"/>
      <c r="DU115" s="87"/>
      <c r="DV115" s="87"/>
      <c r="DW115" s="87"/>
      <c r="DX115" s="87"/>
      <c r="DY115" s="87"/>
      <c r="DZ115" s="87"/>
      <c r="EA115" s="87"/>
      <c r="EB115" s="87"/>
      <c r="EC115" s="87"/>
      <c r="ED115" s="87"/>
      <c r="EE115" s="87"/>
      <c r="EF115" s="87"/>
      <c r="EG115" s="87"/>
      <c r="EH115" s="87"/>
      <c r="EI115" s="87"/>
      <c r="EJ115" s="87"/>
      <c r="EK115" s="87"/>
      <c r="EL115" s="87"/>
      <c r="EM115" s="87"/>
      <c r="EN115" s="87"/>
      <c r="EO115" s="87"/>
      <c r="EP115" s="87"/>
      <c r="EQ115" s="87"/>
      <c r="ER115" s="87"/>
      <c r="ES115" s="87"/>
      <c r="ET115" s="87"/>
      <c r="EU115" s="87"/>
      <c r="EV115" s="87"/>
      <c r="EW115" s="87"/>
      <c r="EX115" s="87"/>
      <c r="EY115" s="87"/>
      <c r="EZ115" s="87"/>
      <c r="FA115" s="87"/>
      <c r="FB115" s="87"/>
      <c r="FC115" s="87"/>
      <c r="FD115" s="87"/>
      <c r="FE115" s="87"/>
      <c r="FF115" s="87"/>
      <c r="FG115" s="87"/>
      <c r="FH115" s="87"/>
      <c r="FI115" s="87"/>
      <c r="FJ115" s="87"/>
      <c r="FK115" s="87"/>
      <c r="FL115" s="87"/>
      <c r="FM115" s="87"/>
      <c r="FN115" s="87"/>
      <c r="FO115" s="87"/>
      <c r="FP115" s="87"/>
      <c r="FQ115" s="87"/>
      <c r="FR115" s="87"/>
      <c r="FS115" s="87"/>
      <c r="FT115" s="87"/>
      <c r="FU115" s="87"/>
      <c r="FV115" s="87"/>
      <c r="FW115" s="87"/>
      <c r="FX115" s="87"/>
      <c r="FY115" s="87"/>
      <c r="FZ115" s="87"/>
      <c r="GA115" s="87"/>
      <c r="GB115" s="87"/>
      <c r="GC115" s="87"/>
      <c r="GD115" s="87"/>
      <c r="GE115" s="87"/>
      <c r="GF115" s="87"/>
      <c r="GG115" s="87"/>
      <c r="GH115" s="87"/>
      <c r="GI115" s="87"/>
      <c r="GJ115" s="87"/>
      <c r="GK115" s="87"/>
      <c r="GL115" s="87"/>
      <c r="GM115" s="87"/>
      <c r="GN115" s="87"/>
      <c r="GO115" s="87"/>
      <c r="GP115" s="87"/>
      <c r="GQ115" s="87"/>
      <c r="GR115" s="87"/>
      <c r="GS115" s="87"/>
      <c r="GT115" s="87"/>
      <c r="GU115" s="87"/>
      <c r="GV115" s="87"/>
      <c r="GW115" s="87"/>
      <c r="GX115" s="87"/>
      <c r="GY115" s="87"/>
      <c r="GZ115" s="87"/>
      <c r="HA115" s="87"/>
      <c r="HB115" s="87"/>
      <c r="HC115" s="87"/>
      <c r="HD115" s="87"/>
      <c r="HE115" s="87"/>
      <c r="HF115" s="87"/>
      <c r="HG115" s="87"/>
      <c r="HH115" s="87"/>
      <c r="HI115" s="87"/>
      <c r="HJ115" s="87"/>
      <c r="HK115" s="87"/>
      <c r="HL115" s="87"/>
      <c r="HM115" s="87"/>
      <c r="HN115" s="87"/>
      <c r="HO115" s="87"/>
      <c r="HP115" s="87"/>
      <c r="HQ115" s="87"/>
      <c r="HR115" s="87"/>
      <c r="HS115" s="87"/>
      <c r="HT115" s="87"/>
      <c r="HU115" s="87"/>
      <c r="HV115" s="87"/>
      <c r="HW115" s="87"/>
      <c r="HX115" s="87"/>
      <c r="HY115" s="87"/>
      <c r="HZ115" s="87"/>
      <c r="IA115" s="87"/>
      <c r="IB115" s="87"/>
      <c r="IC115" s="87"/>
      <c r="ID115" s="87"/>
      <c r="IE115" s="87"/>
      <c r="IF115" s="87"/>
      <c r="IG115" s="87"/>
    </row>
    <row r="116" spans="1:241" s="20" customFormat="1">
      <c r="B116" s="150"/>
      <c r="C116" s="150"/>
      <c r="D116" s="150"/>
      <c r="E116" s="450"/>
      <c r="F116" s="210"/>
      <c r="H116" s="228"/>
      <c r="I116" s="228"/>
      <c r="J116" s="228"/>
    </row>
    <row r="117" spans="1:241" s="20" customFormat="1">
      <c r="B117" s="150"/>
      <c r="C117" s="150"/>
      <c r="D117" s="150"/>
      <c r="E117" s="450"/>
      <c r="F117" s="210"/>
      <c r="H117" s="228"/>
      <c r="I117" s="228"/>
      <c r="J117" s="228"/>
    </row>
    <row r="118" spans="1:241" s="20" customFormat="1">
      <c r="D118" s="229"/>
      <c r="E118" s="440"/>
      <c r="F118" s="210"/>
      <c r="H118" s="228"/>
      <c r="I118" s="228"/>
      <c r="J118" s="228"/>
    </row>
    <row r="119" spans="1:241" s="20" customFormat="1">
      <c r="D119" s="229"/>
      <c r="E119" s="440"/>
      <c r="F119" s="210"/>
      <c r="H119" s="228"/>
      <c r="I119" s="228"/>
      <c r="J119" s="228"/>
    </row>
    <row r="120" spans="1:241" s="20" customFormat="1">
      <c r="D120" s="229"/>
      <c r="E120" s="440"/>
      <c r="F120" s="210"/>
      <c r="H120" s="228"/>
      <c r="I120" s="228"/>
      <c r="J120" s="228"/>
    </row>
    <row r="121" spans="1:241" s="20" customFormat="1">
      <c r="D121" s="229"/>
      <c r="E121" s="440"/>
      <c r="F121" s="210"/>
      <c r="H121" s="228"/>
      <c r="I121" s="228"/>
      <c r="J121" s="228"/>
    </row>
    <row r="122" spans="1:241" s="20" customFormat="1">
      <c r="D122" s="229"/>
      <c r="E122" s="440"/>
      <c r="F122" s="210"/>
      <c r="H122" s="228"/>
      <c r="I122" s="228"/>
      <c r="J122" s="228"/>
    </row>
    <row r="123" spans="1:241">
      <c r="D123" s="229"/>
    </row>
    <row r="124" spans="1:241">
      <c r="D124" s="229"/>
    </row>
    <row r="125" spans="1:241">
      <c r="D125" s="229"/>
    </row>
    <row r="126" spans="1:241" s="105" customFormat="1">
      <c r="A126" s="9"/>
      <c r="B126" s="9"/>
      <c r="C126" s="9"/>
      <c r="D126" s="229"/>
      <c r="E126" s="440"/>
      <c r="F126" s="210"/>
      <c r="G126" s="9"/>
      <c r="H126" s="228"/>
      <c r="I126" s="228"/>
      <c r="J126" s="228"/>
      <c r="K126" s="9"/>
      <c r="L126" s="9"/>
      <c r="M126" s="9"/>
      <c r="N126" s="9"/>
      <c r="O126" s="9"/>
      <c r="P126" s="9"/>
      <c r="Q126" s="9"/>
      <c r="R126" s="9"/>
      <c r="S126" s="9"/>
      <c r="T126" s="9"/>
      <c r="U126" s="9"/>
      <c r="V126" s="9"/>
      <c r="W126" s="9"/>
      <c r="X126" s="9"/>
      <c r="Y126" s="9"/>
      <c r="Z126" s="9"/>
      <c r="AA126" s="9"/>
      <c r="AB126" s="9"/>
      <c r="AC126" s="9"/>
      <c r="AD126" s="9"/>
      <c r="AE126" s="9"/>
      <c r="AF126" s="9"/>
      <c r="AG126" s="9"/>
      <c r="AH126" s="9"/>
      <c r="AI126" s="9"/>
      <c r="AJ126" s="9"/>
      <c r="AK126" s="9"/>
      <c r="AL126" s="9"/>
      <c r="AM126" s="9"/>
      <c r="AN126" s="9"/>
      <c r="AO126" s="9"/>
      <c r="AP126" s="9"/>
      <c r="AQ126" s="9"/>
      <c r="AR126" s="9"/>
      <c r="AS126" s="9"/>
      <c r="AT126" s="9"/>
      <c r="AU126" s="9"/>
      <c r="AV126" s="9"/>
      <c r="AW126" s="9"/>
      <c r="AX126" s="9"/>
      <c r="AY126" s="9"/>
      <c r="AZ126" s="9"/>
      <c r="BA126" s="9"/>
      <c r="BB126" s="9"/>
      <c r="BC126" s="9"/>
      <c r="BD126" s="9"/>
      <c r="BE126" s="9"/>
      <c r="BF126" s="9"/>
      <c r="BG126" s="9"/>
      <c r="BH126" s="9"/>
      <c r="BI126" s="9"/>
      <c r="BJ126" s="9"/>
      <c r="BK126" s="9"/>
      <c r="BL126" s="9"/>
      <c r="BM126" s="9"/>
      <c r="BN126" s="9"/>
      <c r="BO126" s="9"/>
      <c r="BP126" s="9"/>
      <c r="BQ126" s="9"/>
      <c r="BR126" s="9"/>
      <c r="BS126" s="9"/>
      <c r="BT126" s="9"/>
      <c r="BU126" s="9"/>
      <c r="BV126" s="9"/>
      <c r="BW126" s="9"/>
      <c r="BX126" s="9"/>
      <c r="BY126" s="9"/>
      <c r="BZ126" s="9"/>
      <c r="CA126" s="9"/>
      <c r="CB126" s="9"/>
      <c r="CC126" s="9"/>
      <c r="CD126" s="9"/>
      <c r="CE126" s="9"/>
      <c r="CF126" s="9"/>
      <c r="CG126" s="9"/>
      <c r="CH126" s="9"/>
      <c r="CI126" s="9"/>
      <c r="CJ126" s="9"/>
      <c r="CK126" s="9"/>
      <c r="CL126" s="9"/>
      <c r="CM126" s="9"/>
      <c r="CN126" s="9"/>
      <c r="CO126" s="9"/>
      <c r="CP126" s="9"/>
      <c r="CQ126" s="9"/>
      <c r="CR126" s="9"/>
      <c r="CS126" s="9"/>
      <c r="CT126" s="9"/>
      <c r="CU126" s="9"/>
      <c r="CV126" s="9"/>
      <c r="CW126" s="9"/>
      <c r="CX126" s="9"/>
      <c r="CY126" s="9"/>
      <c r="CZ126" s="9"/>
      <c r="DA126" s="9"/>
      <c r="DB126" s="9"/>
      <c r="DC126" s="9"/>
      <c r="DD126" s="9"/>
      <c r="DE126" s="9"/>
      <c r="DF126" s="9"/>
      <c r="DG126" s="9"/>
      <c r="DH126" s="9"/>
      <c r="DI126" s="9"/>
      <c r="DJ126" s="9"/>
      <c r="DK126" s="9"/>
      <c r="DL126" s="9"/>
      <c r="DM126" s="9"/>
      <c r="DN126" s="9"/>
      <c r="DO126" s="9"/>
      <c r="DP126" s="9"/>
      <c r="DQ126" s="9"/>
      <c r="DR126" s="9"/>
      <c r="DS126" s="9"/>
      <c r="DT126" s="9"/>
      <c r="DU126" s="9"/>
      <c r="DV126" s="9"/>
      <c r="DW126" s="9"/>
      <c r="DX126" s="9"/>
      <c r="DY126" s="9"/>
      <c r="DZ126" s="9"/>
      <c r="EA126" s="9"/>
      <c r="EB126" s="9"/>
      <c r="EC126" s="9"/>
      <c r="ED126" s="9"/>
      <c r="EE126" s="9"/>
      <c r="EF126" s="9"/>
      <c r="EG126" s="9"/>
      <c r="EH126" s="9"/>
      <c r="EI126" s="9"/>
      <c r="EJ126" s="9"/>
      <c r="EK126" s="9"/>
      <c r="EL126" s="9"/>
      <c r="EM126" s="9"/>
      <c r="EN126" s="9"/>
      <c r="EO126" s="9"/>
      <c r="EP126" s="9"/>
      <c r="EQ126" s="9"/>
      <c r="ER126" s="9"/>
      <c r="ES126" s="9"/>
      <c r="ET126" s="9"/>
      <c r="EU126" s="9"/>
      <c r="EV126" s="9"/>
      <c r="EW126" s="9"/>
      <c r="EX126" s="9"/>
      <c r="EY126" s="9"/>
      <c r="EZ126" s="9"/>
      <c r="FA126" s="9"/>
      <c r="FB126" s="9"/>
      <c r="FC126" s="9"/>
      <c r="FD126" s="9"/>
      <c r="FE126" s="9"/>
      <c r="FF126" s="9"/>
      <c r="FG126" s="9"/>
      <c r="FH126" s="9"/>
      <c r="FI126" s="9"/>
      <c r="FJ126" s="9"/>
      <c r="FK126" s="9"/>
      <c r="FL126" s="9"/>
      <c r="FM126" s="9"/>
      <c r="FN126" s="9"/>
      <c r="FO126" s="9"/>
      <c r="FP126" s="9"/>
      <c r="FQ126" s="9"/>
      <c r="FR126" s="9"/>
      <c r="FS126" s="9"/>
      <c r="FT126" s="9"/>
      <c r="FU126" s="9"/>
      <c r="FV126" s="9"/>
      <c r="FW126" s="9"/>
      <c r="FX126" s="9"/>
      <c r="FY126" s="9"/>
      <c r="FZ126" s="9"/>
      <c r="GA126" s="9"/>
      <c r="GB126" s="9"/>
      <c r="GC126" s="9"/>
      <c r="GD126" s="9"/>
      <c r="GE126" s="9"/>
      <c r="GF126" s="9"/>
      <c r="GG126" s="9"/>
      <c r="GH126" s="9"/>
      <c r="GI126" s="9"/>
      <c r="GJ126" s="9"/>
      <c r="GK126" s="9"/>
      <c r="GL126" s="9"/>
      <c r="GM126" s="9"/>
      <c r="GN126" s="9"/>
      <c r="GO126" s="9"/>
      <c r="GP126" s="9"/>
      <c r="GQ126" s="9"/>
      <c r="GR126" s="9"/>
      <c r="GS126" s="9"/>
      <c r="GT126" s="9"/>
      <c r="GU126" s="9"/>
      <c r="GV126" s="9"/>
      <c r="GW126" s="9"/>
      <c r="GX126" s="9"/>
      <c r="GY126" s="9"/>
      <c r="GZ126" s="9"/>
      <c r="HA126" s="9"/>
      <c r="HB126" s="9"/>
      <c r="HC126" s="9"/>
      <c r="HD126" s="9"/>
      <c r="HE126" s="9"/>
      <c r="HF126" s="9"/>
      <c r="HG126" s="9"/>
      <c r="HH126" s="9"/>
      <c r="HI126" s="9"/>
      <c r="HJ126" s="9"/>
      <c r="HK126" s="9"/>
      <c r="HL126" s="9"/>
      <c r="HM126" s="9"/>
      <c r="HN126" s="9"/>
      <c r="HO126" s="9"/>
      <c r="HP126" s="9"/>
      <c r="HQ126" s="9"/>
      <c r="HR126" s="9"/>
      <c r="HS126" s="9"/>
      <c r="HT126" s="9"/>
      <c r="HU126" s="9"/>
      <c r="HV126" s="9"/>
      <c r="HW126" s="9"/>
      <c r="HX126" s="9"/>
      <c r="HY126" s="9"/>
      <c r="HZ126" s="9"/>
      <c r="IA126" s="9"/>
      <c r="IB126" s="9"/>
      <c r="IC126" s="9"/>
      <c r="ID126" s="9"/>
      <c r="IE126" s="9"/>
      <c r="IF126" s="9"/>
      <c r="IG126" s="9"/>
    </row>
    <row r="127" spans="1:241" s="105" customFormat="1">
      <c r="A127" s="9"/>
      <c r="B127" s="9"/>
      <c r="C127" s="9"/>
      <c r="D127" s="229"/>
      <c r="E127" s="440"/>
      <c r="F127" s="210"/>
      <c r="G127" s="9"/>
      <c r="H127" s="228"/>
      <c r="I127" s="228"/>
      <c r="J127" s="228"/>
      <c r="K127" s="9"/>
      <c r="L127" s="9"/>
      <c r="M127" s="9"/>
      <c r="N127" s="9"/>
      <c r="O127" s="9"/>
      <c r="P127" s="9"/>
      <c r="Q127" s="9"/>
      <c r="R127" s="9"/>
      <c r="S127" s="9"/>
      <c r="T127" s="9"/>
      <c r="U127" s="9"/>
      <c r="V127" s="9"/>
      <c r="W127" s="9"/>
      <c r="X127" s="9"/>
      <c r="Y127" s="9"/>
      <c r="Z127" s="9"/>
      <c r="AA127" s="9"/>
      <c r="AB127" s="9"/>
      <c r="AC127" s="9"/>
      <c r="AD127" s="9"/>
      <c r="AE127" s="9"/>
      <c r="AF127" s="9"/>
      <c r="AG127" s="9"/>
      <c r="AH127" s="9"/>
      <c r="AI127" s="9"/>
      <c r="AJ127" s="9"/>
      <c r="AK127" s="9"/>
      <c r="AL127" s="9"/>
      <c r="AM127" s="9"/>
      <c r="AN127" s="9"/>
      <c r="AO127" s="9"/>
      <c r="AP127" s="9"/>
      <c r="AQ127" s="9"/>
      <c r="AR127" s="9"/>
      <c r="AS127" s="9"/>
      <c r="AT127" s="9"/>
      <c r="AU127" s="9"/>
      <c r="AV127" s="9"/>
      <c r="AW127" s="9"/>
      <c r="AX127" s="9"/>
      <c r="AY127" s="9"/>
      <c r="AZ127" s="9"/>
      <c r="BA127" s="9"/>
      <c r="BB127" s="9"/>
      <c r="BC127" s="9"/>
      <c r="BD127" s="9"/>
      <c r="BE127" s="9"/>
      <c r="BF127" s="9"/>
      <c r="BG127" s="9"/>
      <c r="BH127" s="9"/>
      <c r="BI127" s="9"/>
      <c r="BJ127" s="9"/>
      <c r="BK127" s="9"/>
      <c r="BL127" s="9"/>
      <c r="BM127" s="9"/>
      <c r="BN127" s="9"/>
      <c r="BO127" s="9"/>
      <c r="BP127" s="9"/>
      <c r="BQ127" s="9"/>
      <c r="BR127" s="9"/>
      <c r="BS127" s="9"/>
      <c r="BT127" s="9"/>
      <c r="BU127" s="9"/>
      <c r="BV127" s="9"/>
      <c r="BW127" s="9"/>
      <c r="BX127" s="9"/>
      <c r="BY127" s="9"/>
      <c r="BZ127" s="9"/>
      <c r="CA127" s="9"/>
      <c r="CB127" s="9"/>
      <c r="CC127" s="9"/>
      <c r="CD127" s="9"/>
      <c r="CE127" s="9"/>
      <c r="CF127" s="9"/>
      <c r="CG127" s="9"/>
      <c r="CH127" s="9"/>
      <c r="CI127" s="9"/>
      <c r="CJ127" s="9"/>
      <c r="CK127" s="9"/>
      <c r="CL127" s="9"/>
      <c r="CM127" s="9"/>
      <c r="CN127" s="9"/>
      <c r="CO127" s="9"/>
      <c r="CP127" s="9"/>
      <c r="CQ127" s="9"/>
      <c r="CR127" s="9"/>
      <c r="CS127" s="9"/>
      <c r="CT127" s="9"/>
      <c r="CU127" s="9"/>
      <c r="CV127" s="9"/>
      <c r="CW127" s="9"/>
      <c r="CX127" s="9"/>
      <c r="CY127" s="9"/>
      <c r="CZ127" s="9"/>
      <c r="DA127" s="9"/>
      <c r="DB127" s="9"/>
      <c r="DC127" s="9"/>
      <c r="DD127" s="9"/>
      <c r="DE127" s="9"/>
      <c r="DF127" s="9"/>
      <c r="DG127" s="9"/>
      <c r="DH127" s="9"/>
      <c r="DI127" s="9"/>
      <c r="DJ127" s="9"/>
      <c r="DK127" s="9"/>
      <c r="DL127" s="9"/>
      <c r="DM127" s="9"/>
      <c r="DN127" s="9"/>
      <c r="DO127" s="9"/>
      <c r="DP127" s="9"/>
      <c r="DQ127" s="9"/>
      <c r="DR127" s="9"/>
      <c r="DS127" s="9"/>
      <c r="DT127" s="9"/>
      <c r="DU127" s="9"/>
      <c r="DV127" s="9"/>
      <c r="DW127" s="9"/>
      <c r="DX127" s="9"/>
      <c r="DY127" s="9"/>
      <c r="DZ127" s="9"/>
      <c r="EA127" s="9"/>
      <c r="EB127" s="9"/>
      <c r="EC127" s="9"/>
      <c r="ED127" s="9"/>
      <c r="EE127" s="9"/>
      <c r="EF127" s="9"/>
      <c r="EG127" s="9"/>
      <c r="EH127" s="9"/>
      <c r="EI127" s="9"/>
      <c r="EJ127" s="9"/>
      <c r="EK127" s="9"/>
      <c r="EL127" s="9"/>
      <c r="EM127" s="9"/>
      <c r="EN127" s="9"/>
      <c r="EO127" s="9"/>
      <c r="EP127" s="9"/>
      <c r="EQ127" s="9"/>
      <c r="ER127" s="9"/>
      <c r="ES127" s="9"/>
      <c r="ET127" s="9"/>
      <c r="EU127" s="9"/>
      <c r="EV127" s="9"/>
      <c r="EW127" s="9"/>
      <c r="EX127" s="9"/>
      <c r="EY127" s="9"/>
      <c r="EZ127" s="9"/>
      <c r="FA127" s="9"/>
      <c r="FB127" s="9"/>
      <c r="FC127" s="9"/>
      <c r="FD127" s="9"/>
      <c r="FE127" s="9"/>
      <c r="FF127" s="9"/>
      <c r="FG127" s="9"/>
      <c r="FH127" s="9"/>
      <c r="FI127" s="9"/>
      <c r="FJ127" s="9"/>
      <c r="FK127" s="9"/>
      <c r="FL127" s="9"/>
      <c r="FM127" s="9"/>
      <c r="FN127" s="9"/>
      <c r="FO127" s="9"/>
      <c r="FP127" s="9"/>
      <c r="FQ127" s="9"/>
      <c r="FR127" s="9"/>
      <c r="FS127" s="9"/>
      <c r="FT127" s="9"/>
      <c r="FU127" s="9"/>
      <c r="FV127" s="9"/>
      <c r="FW127" s="9"/>
      <c r="FX127" s="9"/>
      <c r="FY127" s="9"/>
      <c r="FZ127" s="9"/>
      <c r="GA127" s="9"/>
      <c r="GB127" s="9"/>
      <c r="GC127" s="9"/>
      <c r="GD127" s="9"/>
      <c r="GE127" s="9"/>
      <c r="GF127" s="9"/>
      <c r="GG127" s="9"/>
      <c r="GH127" s="9"/>
      <c r="GI127" s="9"/>
      <c r="GJ127" s="9"/>
      <c r="GK127" s="9"/>
      <c r="GL127" s="9"/>
      <c r="GM127" s="9"/>
      <c r="GN127" s="9"/>
      <c r="GO127" s="9"/>
      <c r="GP127" s="9"/>
      <c r="GQ127" s="9"/>
      <c r="GR127" s="9"/>
      <c r="GS127" s="9"/>
      <c r="GT127" s="9"/>
      <c r="GU127" s="9"/>
      <c r="GV127" s="9"/>
      <c r="GW127" s="9"/>
      <c r="GX127" s="9"/>
      <c r="GY127" s="9"/>
      <c r="GZ127" s="9"/>
      <c r="HA127" s="9"/>
      <c r="HB127" s="9"/>
      <c r="HC127" s="9"/>
      <c r="HD127" s="9"/>
      <c r="HE127" s="9"/>
      <c r="HF127" s="9"/>
      <c r="HG127" s="9"/>
      <c r="HH127" s="9"/>
      <c r="HI127" s="9"/>
      <c r="HJ127" s="9"/>
      <c r="HK127" s="9"/>
      <c r="HL127" s="9"/>
      <c r="HM127" s="9"/>
      <c r="HN127" s="9"/>
      <c r="HO127" s="9"/>
      <c r="HP127" s="9"/>
      <c r="HQ127" s="9"/>
      <c r="HR127" s="9"/>
      <c r="HS127" s="9"/>
      <c r="HT127" s="9"/>
      <c r="HU127" s="9"/>
      <c r="HV127" s="9"/>
      <c r="HW127" s="9"/>
      <c r="HX127" s="9"/>
      <c r="HY127" s="9"/>
      <c r="HZ127" s="9"/>
      <c r="IA127" s="9"/>
      <c r="IB127" s="9"/>
      <c r="IC127" s="9"/>
      <c r="ID127" s="9"/>
      <c r="IE127" s="9"/>
      <c r="IF127" s="9"/>
      <c r="IG127" s="9"/>
    </row>
    <row r="128" spans="1:241" s="105" customFormat="1">
      <c r="A128" s="9"/>
      <c r="B128" s="9"/>
      <c r="C128" s="9"/>
      <c r="D128" s="229"/>
      <c r="E128" s="440"/>
      <c r="F128" s="210"/>
      <c r="G128" s="9"/>
      <c r="H128" s="228"/>
      <c r="I128" s="228"/>
      <c r="J128" s="228"/>
      <c r="K128" s="9"/>
      <c r="L128" s="9"/>
      <c r="M128" s="9"/>
      <c r="N128" s="9"/>
      <c r="O128" s="9"/>
      <c r="P128" s="9"/>
      <c r="Q128" s="9"/>
      <c r="R128" s="9"/>
      <c r="S128" s="9"/>
      <c r="T128" s="9"/>
      <c r="U128" s="9"/>
      <c r="V128" s="9"/>
      <c r="W128" s="9"/>
      <c r="X128" s="9"/>
      <c r="Y128" s="9"/>
      <c r="Z128" s="9"/>
      <c r="AA128" s="9"/>
      <c r="AB128" s="9"/>
      <c r="AC128" s="9"/>
      <c r="AD128" s="9"/>
      <c r="AE128" s="9"/>
      <c r="AF128" s="9"/>
      <c r="AG128" s="9"/>
      <c r="AH128" s="9"/>
      <c r="AI128" s="9"/>
      <c r="AJ128" s="9"/>
      <c r="AK128" s="9"/>
      <c r="AL128" s="9"/>
      <c r="AM128" s="9"/>
      <c r="AN128" s="9"/>
      <c r="AO128" s="9"/>
      <c r="AP128" s="9"/>
      <c r="AQ128" s="9"/>
      <c r="AR128" s="9"/>
      <c r="AS128" s="9"/>
      <c r="AT128" s="9"/>
      <c r="AU128" s="9"/>
      <c r="AV128" s="9"/>
      <c r="AW128" s="9"/>
      <c r="AX128" s="9"/>
      <c r="AY128" s="9"/>
      <c r="AZ128" s="9"/>
      <c r="BA128" s="9"/>
      <c r="BB128" s="9"/>
      <c r="BC128" s="9"/>
      <c r="BD128" s="9"/>
      <c r="BE128" s="9"/>
      <c r="BF128" s="9"/>
      <c r="BG128" s="9"/>
      <c r="BH128" s="9"/>
      <c r="BI128" s="9"/>
      <c r="BJ128" s="9"/>
      <c r="BK128" s="9"/>
      <c r="BL128" s="9"/>
      <c r="BM128" s="9"/>
      <c r="BN128" s="9"/>
      <c r="BO128" s="9"/>
      <c r="BP128" s="9"/>
      <c r="BQ128" s="9"/>
      <c r="BR128" s="9"/>
      <c r="BS128" s="9"/>
      <c r="BT128" s="9"/>
      <c r="BU128" s="9"/>
      <c r="BV128" s="9"/>
      <c r="BW128" s="9"/>
      <c r="BX128" s="9"/>
      <c r="BY128" s="9"/>
      <c r="BZ128" s="9"/>
      <c r="CA128" s="9"/>
      <c r="CB128" s="9"/>
      <c r="CC128" s="9"/>
      <c r="CD128" s="9"/>
      <c r="CE128" s="9"/>
      <c r="CF128" s="9"/>
      <c r="CG128" s="9"/>
      <c r="CH128" s="9"/>
      <c r="CI128" s="9"/>
      <c r="CJ128" s="9"/>
      <c r="CK128" s="9"/>
      <c r="CL128" s="9"/>
      <c r="CM128" s="9"/>
      <c r="CN128" s="9"/>
      <c r="CO128" s="9"/>
      <c r="CP128" s="9"/>
      <c r="CQ128" s="9"/>
      <c r="CR128" s="9"/>
      <c r="CS128" s="9"/>
      <c r="CT128" s="9"/>
      <c r="CU128" s="9"/>
      <c r="CV128" s="9"/>
      <c r="CW128" s="9"/>
      <c r="CX128" s="9"/>
      <c r="CY128" s="9"/>
      <c r="CZ128" s="9"/>
      <c r="DA128" s="9"/>
      <c r="DB128" s="9"/>
      <c r="DC128" s="9"/>
      <c r="DD128" s="9"/>
      <c r="DE128" s="9"/>
      <c r="DF128" s="9"/>
      <c r="DG128" s="9"/>
      <c r="DH128" s="9"/>
      <c r="DI128" s="9"/>
      <c r="DJ128" s="9"/>
      <c r="DK128" s="9"/>
      <c r="DL128" s="9"/>
      <c r="DM128" s="9"/>
      <c r="DN128" s="9"/>
      <c r="DO128" s="9"/>
      <c r="DP128" s="9"/>
      <c r="DQ128" s="9"/>
      <c r="DR128" s="9"/>
      <c r="DS128" s="9"/>
      <c r="DT128" s="9"/>
      <c r="DU128" s="9"/>
      <c r="DV128" s="9"/>
      <c r="DW128" s="9"/>
      <c r="DX128" s="9"/>
      <c r="DY128" s="9"/>
      <c r="DZ128" s="9"/>
      <c r="EA128" s="9"/>
      <c r="EB128" s="9"/>
      <c r="EC128" s="9"/>
      <c r="ED128" s="9"/>
      <c r="EE128" s="9"/>
      <c r="EF128" s="9"/>
      <c r="EG128" s="9"/>
      <c r="EH128" s="9"/>
      <c r="EI128" s="9"/>
      <c r="EJ128" s="9"/>
      <c r="EK128" s="9"/>
      <c r="EL128" s="9"/>
      <c r="EM128" s="9"/>
      <c r="EN128" s="9"/>
      <c r="EO128" s="9"/>
      <c r="EP128" s="9"/>
      <c r="EQ128" s="9"/>
      <c r="ER128" s="9"/>
      <c r="ES128" s="9"/>
      <c r="ET128" s="9"/>
      <c r="EU128" s="9"/>
      <c r="EV128" s="9"/>
      <c r="EW128" s="9"/>
      <c r="EX128" s="9"/>
      <c r="EY128" s="9"/>
      <c r="EZ128" s="9"/>
      <c r="FA128" s="9"/>
      <c r="FB128" s="9"/>
      <c r="FC128" s="9"/>
      <c r="FD128" s="9"/>
      <c r="FE128" s="9"/>
      <c r="FF128" s="9"/>
      <c r="FG128" s="9"/>
      <c r="FH128" s="9"/>
      <c r="FI128" s="9"/>
      <c r="FJ128" s="9"/>
      <c r="FK128" s="9"/>
      <c r="FL128" s="9"/>
      <c r="FM128" s="9"/>
      <c r="FN128" s="9"/>
      <c r="FO128" s="9"/>
      <c r="FP128" s="9"/>
      <c r="FQ128" s="9"/>
      <c r="FR128" s="9"/>
      <c r="FS128" s="9"/>
      <c r="FT128" s="9"/>
      <c r="FU128" s="9"/>
      <c r="FV128" s="9"/>
      <c r="FW128" s="9"/>
      <c r="FX128" s="9"/>
      <c r="FY128" s="9"/>
      <c r="FZ128" s="9"/>
      <c r="GA128" s="9"/>
      <c r="GB128" s="9"/>
      <c r="GC128" s="9"/>
      <c r="GD128" s="9"/>
      <c r="GE128" s="9"/>
      <c r="GF128" s="9"/>
      <c r="GG128" s="9"/>
      <c r="GH128" s="9"/>
      <c r="GI128" s="9"/>
      <c r="GJ128" s="9"/>
      <c r="GK128" s="9"/>
      <c r="GL128" s="9"/>
      <c r="GM128" s="9"/>
      <c r="GN128" s="9"/>
      <c r="GO128" s="9"/>
      <c r="GP128" s="9"/>
      <c r="GQ128" s="9"/>
      <c r="GR128" s="9"/>
      <c r="GS128" s="9"/>
      <c r="GT128" s="9"/>
      <c r="GU128" s="9"/>
      <c r="GV128" s="9"/>
      <c r="GW128" s="9"/>
      <c r="GX128" s="9"/>
      <c r="GY128" s="9"/>
      <c r="GZ128" s="9"/>
      <c r="HA128" s="9"/>
      <c r="HB128" s="9"/>
      <c r="HC128" s="9"/>
      <c r="HD128" s="9"/>
      <c r="HE128" s="9"/>
      <c r="HF128" s="9"/>
      <c r="HG128" s="9"/>
      <c r="HH128" s="9"/>
      <c r="HI128" s="9"/>
      <c r="HJ128" s="9"/>
      <c r="HK128" s="9"/>
      <c r="HL128" s="9"/>
      <c r="HM128" s="9"/>
      <c r="HN128" s="9"/>
      <c r="HO128" s="9"/>
      <c r="HP128" s="9"/>
      <c r="HQ128" s="9"/>
      <c r="HR128" s="9"/>
      <c r="HS128" s="9"/>
      <c r="HT128" s="9"/>
      <c r="HU128" s="9"/>
      <c r="HV128" s="9"/>
      <c r="HW128" s="9"/>
      <c r="HX128" s="9"/>
      <c r="HY128" s="9"/>
      <c r="HZ128" s="9"/>
      <c r="IA128" s="9"/>
      <c r="IB128" s="9"/>
      <c r="IC128" s="9"/>
      <c r="ID128" s="9"/>
      <c r="IE128" s="9"/>
      <c r="IF128" s="9"/>
      <c r="IG128" s="9"/>
    </row>
    <row r="129" spans="1:241" s="105" customFormat="1">
      <c r="A129" s="9"/>
      <c r="B129" s="9"/>
      <c r="C129" s="9"/>
      <c r="D129" s="229"/>
      <c r="E129" s="440"/>
      <c r="F129" s="210"/>
      <c r="G129" s="9"/>
      <c r="H129" s="228"/>
      <c r="I129" s="228"/>
      <c r="J129" s="228"/>
      <c r="K129" s="9"/>
      <c r="L129" s="9"/>
      <c r="M129" s="9"/>
      <c r="N129" s="9"/>
      <c r="O129" s="9"/>
      <c r="P129" s="9"/>
      <c r="Q129" s="9"/>
      <c r="R129" s="9"/>
      <c r="S129" s="9"/>
      <c r="T129" s="9"/>
      <c r="U129" s="9"/>
      <c r="V129" s="9"/>
      <c r="W129" s="9"/>
      <c r="X129" s="9"/>
      <c r="Y129" s="9"/>
      <c r="Z129" s="9"/>
      <c r="AA129" s="9"/>
      <c r="AB129" s="9"/>
      <c r="AC129" s="9"/>
      <c r="AD129" s="9"/>
      <c r="AE129" s="9"/>
      <c r="AF129" s="9"/>
      <c r="AG129" s="9"/>
      <c r="AH129" s="9"/>
      <c r="AI129" s="9"/>
      <c r="AJ129" s="9"/>
      <c r="AK129" s="9"/>
      <c r="AL129" s="9"/>
      <c r="AM129" s="9"/>
      <c r="AN129" s="9"/>
      <c r="AO129" s="9"/>
      <c r="AP129" s="9"/>
      <c r="AQ129" s="9"/>
      <c r="AR129" s="9"/>
      <c r="AS129" s="9"/>
      <c r="AT129" s="9"/>
      <c r="AU129" s="9"/>
      <c r="AV129" s="9"/>
      <c r="AW129" s="9"/>
      <c r="AX129" s="9"/>
      <c r="AY129" s="9"/>
      <c r="AZ129" s="9"/>
      <c r="BA129" s="9"/>
      <c r="BB129" s="9"/>
      <c r="BC129" s="9"/>
      <c r="BD129" s="9"/>
      <c r="BE129" s="9"/>
      <c r="BF129" s="9"/>
      <c r="BG129" s="9"/>
      <c r="BH129" s="9"/>
      <c r="BI129" s="9"/>
      <c r="BJ129" s="9"/>
      <c r="BK129" s="9"/>
      <c r="BL129" s="9"/>
      <c r="BM129" s="9"/>
      <c r="BN129" s="9"/>
      <c r="BO129" s="9"/>
      <c r="BP129" s="9"/>
      <c r="BQ129" s="9"/>
      <c r="BR129" s="9"/>
      <c r="BS129" s="9"/>
      <c r="BT129" s="9"/>
      <c r="BU129" s="9"/>
      <c r="BV129" s="9"/>
      <c r="BW129" s="9"/>
      <c r="BX129" s="9"/>
      <c r="BY129" s="9"/>
      <c r="BZ129" s="9"/>
      <c r="CA129" s="9"/>
      <c r="CB129" s="9"/>
      <c r="CC129" s="9"/>
      <c r="CD129" s="9"/>
      <c r="CE129" s="9"/>
      <c r="CF129" s="9"/>
      <c r="CG129" s="9"/>
      <c r="CH129" s="9"/>
      <c r="CI129" s="9"/>
      <c r="CJ129" s="9"/>
      <c r="CK129" s="9"/>
      <c r="CL129" s="9"/>
      <c r="CM129" s="9"/>
      <c r="CN129" s="9"/>
      <c r="CO129" s="9"/>
      <c r="CP129" s="9"/>
      <c r="CQ129" s="9"/>
      <c r="CR129" s="9"/>
      <c r="CS129" s="9"/>
      <c r="CT129" s="9"/>
      <c r="CU129" s="9"/>
      <c r="CV129" s="9"/>
      <c r="CW129" s="9"/>
      <c r="CX129" s="9"/>
      <c r="CY129" s="9"/>
      <c r="CZ129" s="9"/>
      <c r="DA129" s="9"/>
      <c r="DB129" s="9"/>
      <c r="DC129" s="9"/>
      <c r="DD129" s="9"/>
      <c r="DE129" s="9"/>
      <c r="DF129" s="9"/>
      <c r="DG129" s="9"/>
      <c r="DH129" s="9"/>
      <c r="DI129" s="9"/>
      <c r="DJ129" s="9"/>
      <c r="DK129" s="9"/>
      <c r="DL129" s="9"/>
      <c r="DM129" s="9"/>
      <c r="DN129" s="9"/>
      <c r="DO129" s="9"/>
      <c r="DP129" s="9"/>
      <c r="DQ129" s="9"/>
      <c r="DR129" s="9"/>
      <c r="DS129" s="9"/>
      <c r="DT129" s="9"/>
      <c r="DU129" s="9"/>
      <c r="DV129" s="9"/>
      <c r="DW129" s="9"/>
      <c r="DX129" s="9"/>
      <c r="DY129" s="9"/>
      <c r="DZ129" s="9"/>
      <c r="EA129" s="9"/>
      <c r="EB129" s="9"/>
      <c r="EC129" s="9"/>
      <c r="ED129" s="9"/>
      <c r="EE129" s="9"/>
      <c r="EF129" s="9"/>
      <c r="EG129" s="9"/>
      <c r="EH129" s="9"/>
      <c r="EI129" s="9"/>
      <c r="EJ129" s="9"/>
      <c r="EK129" s="9"/>
      <c r="EL129" s="9"/>
      <c r="EM129" s="9"/>
      <c r="EN129" s="9"/>
      <c r="EO129" s="9"/>
      <c r="EP129" s="9"/>
      <c r="EQ129" s="9"/>
      <c r="ER129" s="9"/>
      <c r="ES129" s="9"/>
      <c r="ET129" s="9"/>
      <c r="EU129" s="9"/>
      <c r="EV129" s="9"/>
      <c r="EW129" s="9"/>
      <c r="EX129" s="9"/>
      <c r="EY129" s="9"/>
      <c r="EZ129" s="9"/>
      <c r="FA129" s="9"/>
      <c r="FB129" s="9"/>
      <c r="FC129" s="9"/>
      <c r="FD129" s="9"/>
      <c r="FE129" s="9"/>
      <c r="FF129" s="9"/>
      <c r="FG129" s="9"/>
      <c r="FH129" s="9"/>
      <c r="FI129" s="9"/>
      <c r="FJ129" s="9"/>
      <c r="FK129" s="9"/>
      <c r="FL129" s="9"/>
      <c r="FM129" s="9"/>
      <c r="FN129" s="9"/>
      <c r="FO129" s="9"/>
      <c r="FP129" s="9"/>
      <c r="FQ129" s="9"/>
      <c r="FR129" s="9"/>
      <c r="FS129" s="9"/>
      <c r="FT129" s="9"/>
      <c r="FU129" s="9"/>
      <c r="FV129" s="9"/>
      <c r="FW129" s="9"/>
      <c r="FX129" s="9"/>
      <c r="FY129" s="9"/>
      <c r="FZ129" s="9"/>
      <c r="GA129" s="9"/>
      <c r="GB129" s="9"/>
      <c r="GC129" s="9"/>
      <c r="GD129" s="9"/>
      <c r="GE129" s="9"/>
      <c r="GF129" s="9"/>
      <c r="GG129" s="9"/>
      <c r="GH129" s="9"/>
      <c r="GI129" s="9"/>
      <c r="GJ129" s="9"/>
      <c r="GK129" s="9"/>
      <c r="GL129" s="9"/>
      <c r="GM129" s="9"/>
      <c r="GN129" s="9"/>
      <c r="GO129" s="9"/>
      <c r="GP129" s="9"/>
      <c r="GQ129" s="9"/>
      <c r="GR129" s="9"/>
      <c r="GS129" s="9"/>
      <c r="GT129" s="9"/>
      <c r="GU129" s="9"/>
      <c r="GV129" s="9"/>
      <c r="GW129" s="9"/>
      <c r="GX129" s="9"/>
      <c r="GY129" s="9"/>
      <c r="GZ129" s="9"/>
      <c r="HA129" s="9"/>
      <c r="HB129" s="9"/>
      <c r="HC129" s="9"/>
      <c r="HD129" s="9"/>
      <c r="HE129" s="9"/>
      <c r="HF129" s="9"/>
      <c r="HG129" s="9"/>
      <c r="HH129" s="9"/>
      <c r="HI129" s="9"/>
      <c r="HJ129" s="9"/>
      <c r="HK129" s="9"/>
      <c r="HL129" s="9"/>
      <c r="HM129" s="9"/>
      <c r="HN129" s="9"/>
      <c r="HO129" s="9"/>
      <c r="HP129" s="9"/>
      <c r="HQ129" s="9"/>
      <c r="HR129" s="9"/>
      <c r="HS129" s="9"/>
      <c r="HT129" s="9"/>
      <c r="HU129" s="9"/>
      <c r="HV129" s="9"/>
      <c r="HW129" s="9"/>
      <c r="HX129" s="9"/>
      <c r="HY129" s="9"/>
      <c r="HZ129" s="9"/>
      <c r="IA129" s="9"/>
      <c r="IB129" s="9"/>
      <c r="IC129" s="9"/>
      <c r="ID129" s="9"/>
      <c r="IE129" s="9"/>
      <c r="IF129" s="9"/>
      <c r="IG129" s="9"/>
    </row>
    <row r="130" spans="1:241" s="105" customFormat="1">
      <c r="A130" s="9"/>
      <c r="B130" s="9"/>
      <c r="C130" s="9"/>
      <c r="D130" s="229"/>
      <c r="E130" s="440"/>
      <c r="F130" s="210"/>
      <c r="G130" s="9"/>
      <c r="H130" s="228"/>
      <c r="I130" s="228"/>
      <c r="J130" s="228"/>
      <c r="K130" s="9"/>
      <c r="L130" s="9"/>
      <c r="M130" s="9"/>
      <c r="N130" s="9"/>
      <c r="O130" s="9"/>
      <c r="P130" s="9"/>
      <c r="Q130" s="9"/>
      <c r="R130" s="9"/>
      <c r="S130" s="9"/>
      <c r="T130" s="9"/>
      <c r="U130" s="9"/>
      <c r="V130" s="9"/>
      <c r="W130" s="9"/>
      <c r="X130" s="9"/>
      <c r="Y130" s="9"/>
      <c r="Z130" s="9"/>
      <c r="AA130" s="9"/>
      <c r="AB130" s="9"/>
      <c r="AC130" s="9"/>
      <c r="AD130" s="9"/>
      <c r="AE130" s="9"/>
      <c r="AF130" s="9"/>
      <c r="AG130" s="9"/>
      <c r="AH130" s="9"/>
      <c r="AI130" s="9"/>
      <c r="AJ130" s="9"/>
      <c r="AK130" s="9"/>
      <c r="AL130" s="9"/>
      <c r="AM130" s="9"/>
      <c r="AN130" s="9"/>
      <c r="AO130" s="9"/>
      <c r="AP130" s="9"/>
      <c r="AQ130" s="9"/>
      <c r="AR130" s="9"/>
      <c r="AS130" s="9"/>
      <c r="AT130" s="9"/>
      <c r="AU130" s="9"/>
      <c r="AV130" s="9"/>
      <c r="AW130" s="9"/>
      <c r="AX130" s="9"/>
      <c r="AY130" s="9"/>
      <c r="AZ130" s="9"/>
      <c r="BA130" s="9"/>
      <c r="BB130" s="9"/>
      <c r="BC130" s="9"/>
      <c r="BD130" s="9"/>
      <c r="BE130" s="9"/>
      <c r="BF130" s="9"/>
      <c r="BG130" s="9"/>
      <c r="BH130" s="9"/>
      <c r="BI130" s="9"/>
      <c r="BJ130" s="9"/>
      <c r="BK130" s="9"/>
      <c r="BL130" s="9"/>
      <c r="BM130" s="9"/>
      <c r="BN130" s="9"/>
      <c r="BO130" s="9"/>
      <c r="BP130" s="9"/>
      <c r="BQ130" s="9"/>
      <c r="BR130" s="9"/>
      <c r="BS130" s="9"/>
      <c r="BT130" s="9"/>
      <c r="BU130" s="9"/>
      <c r="BV130" s="9"/>
      <c r="BW130" s="9"/>
      <c r="BX130" s="9"/>
      <c r="BY130" s="9"/>
      <c r="BZ130" s="9"/>
      <c r="CA130" s="9"/>
      <c r="CB130" s="9"/>
      <c r="CC130" s="9"/>
      <c r="CD130" s="9"/>
      <c r="CE130" s="9"/>
      <c r="CF130" s="9"/>
      <c r="CG130" s="9"/>
      <c r="CH130" s="9"/>
      <c r="CI130" s="9"/>
      <c r="CJ130" s="9"/>
      <c r="CK130" s="9"/>
      <c r="CL130" s="9"/>
      <c r="CM130" s="9"/>
      <c r="CN130" s="9"/>
      <c r="CO130" s="9"/>
      <c r="CP130" s="9"/>
      <c r="CQ130" s="9"/>
      <c r="CR130" s="9"/>
      <c r="CS130" s="9"/>
      <c r="CT130" s="9"/>
      <c r="CU130" s="9"/>
      <c r="CV130" s="9"/>
      <c r="CW130" s="9"/>
      <c r="CX130" s="9"/>
      <c r="CY130" s="9"/>
      <c r="CZ130" s="9"/>
      <c r="DA130" s="9"/>
      <c r="DB130" s="9"/>
      <c r="DC130" s="9"/>
      <c r="DD130" s="9"/>
      <c r="DE130" s="9"/>
      <c r="DF130" s="9"/>
      <c r="DG130" s="9"/>
      <c r="DH130" s="9"/>
      <c r="DI130" s="9"/>
      <c r="DJ130" s="9"/>
      <c r="DK130" s="9"/>
      <c r="DL130" s="9"/>
      <c r="DM130" s="9"/>
      <c r="DN130" s="9"/>
      <c r="DO130" s="9"/>
      <c r="DP130" s="9"/>
      <c r="DQ130" s="9"/>
      <c r="DR130" s="9"/>
      <c r="DS130" s="9"/>
      <c r="DT130" s="9"/>
      <c r="DU130" s="9"/>
      <c r="DV130" s="9"/>
      <c r="DW130" s="9"/>
      <c r="DX130" s="9"/>
      <c r="DY130" s="9"/>
      <c r="DZ130" s="9"/>
      <c r="EA130" s="9"/>
      <c r="EB130" s="9"/>
      <c r="EC130" s="9"/>
      <c r="ED130" s="9"/>
      <c r="EE130" s="9"/>
      <c r="EF130" s="9"/>
      <c r="EG130" s="9"/>
      <c r="EH130" s="9"/>
      <c r="EI130" s="9"/>
      <c r="EJ130" s="9"/>
      <c r="EK130" s="9"/>
      <c r="EL130" s="9"/>
      <c r="EM130" s="9"/>
      <c r="EN130" s="9"/>
      <c r="EO130" s="9"/>
      <c r="EP130" s="9"/>
      <c r="EQ130" s="9"/>
      <c r="ER130" s="9"/>
      <c r="ES130" s="9"/>
      <c r="ET130" s="9"/>
      <c r="EU130" s="9"/>
      <c r="EV130" s="9"/>
      <c r="EW130" s="9"/>
      <c r="EX130" s="9"/>
      <c r="EY130" s="9"/>
      <c r="EZ130" s="9"/>
      <c r="FA130" s="9"/>
      <c r="FB130" s="9"/>
      <c r="FC130" s="9"/>
      <c r="FD130" s="9"/>
      <c r="FE130" s="9"/>
      <c r="FF130" s="9"/>
      <c r="FG130" s="9"/>
      <c r="FH130" s="9"/>
      <c r="FI130" s="9"/>
      <c r="FJ130" s="9"/>
      <c r="FK130" s="9"/>
      <c r="FL130" s="9"/>
      <c r="FM130" s="9"/>
      <c r="FN130" s="9"/>
      <c r="FO130" s="9"/>
      <c r="FP130" s="9"/>
      <c r="FQ130" s="9"/>
      <c r="FR130" s="9"/>
      <c r="FS130" s="9"/>
      <c r="FT130" s="9"/>
      <c r="FU130" s="9"/>
      <c r="FV130" s="9"/>
      <c r="FW130" s="9"/>
      <c r="FX130" s="9"/>
      <c r="FY130" s="9"/>
      <c r="FZ130" s="9"/>
      <c r="GA130" s="9"/>
      <c r="GB130" s="9"/>
      <c r="GC130" s="9"/>
      <c r="GD130" s="9"/>
      <c r="GE130" s="9"/>
      <c r="GF130" s="9"/>
      <c r="GG130" s="9"/>
      <c r="GH130" s="9"/>
      <c r="GI130" s="9"/>
      <c r="GJ130" s="9"/>
      <c r="GK130" s="9"/>
      <c r="GL130" s="9"/>
      <c r="GM130" s="9"/>
      <c r="GN130" s="9"/>
      <c r="GO130" s="9"/>
      <c r="GP130" s="9"/>
      <c r="GQ130" s="9"/>
      <c r="GR130" s="9"/>
      <c r="GS130" s="9"/>
      <c r="GT130" s="9"/>
      <c r="GU130" s="9"/>
      <c r="GV130" s="9"/>
      <c r="GW130" s="9"/>
      <c r="GX130" s="9"/>
      <c r="GY130" s="9"/>
      <c r="GZ130" s="9"/>
      <c r="HA130" s="9"/>
      <c r="HB130" s="9"/>
      <c r="HC130" s="9"/>
      <c r="HD130" s="9"/>
      <c r="HE130" s="9"/>
      <c r="HF130" s="9"/>
      <c r="HG130" s="9"/>
      <c r="HH130" s="9"/>
      <c r="HI130" s="9"/>
      <c r="HJ130" s="9"/>
      <c r="HK130" s="9"/>
      <c r="HL130" s="9"/>
      <c r="HM130" s="9"/>
      <c r="HN130" s="9"/>
      <c r="HO130" s="9"/>
      <c r="HP130" s="9"/>
      <c r="HQ130" s="9"/>
      <c r="HR130" s="9"/>
      <c r="HS130" s="9"/>
      <c r="HT130" s="9"/>
      <c r="HU130" s="9"/>
      <c r="HV130" s="9"/>
      <c r="HW130" s="9"/>
      <c r="HX130" s="9"/>
      <c r="HY130" s="9"/>
      <c r="HZ130" s="9"/>
      <c r="IA130" s="9"/>
      <c r="IB130" s="9"/>
      <c r="IC130" s="9"/>
      <c r="ID130" s="9"/>
      <c r="IE130" s="9"/>
      <c r="IF130" s="9"/>
      <c r="IG130" s="9"/>
    </row>
  </sheetData>
  <mergeCells count="1">
    <mergeCell ref="B6:C7"/>
  </mergeCells>
  <pageMargins left="0.70866141732283472" right="0.70866141732283472" top="0.74803149606299213" bottom="0.74803149606299213" header="0.31496062992125984" footer="0.31496062992125984"/>
  <pageSetup paperSize="9" scale="46" fitToHeight="2" orientation="portrait" r:id="rId1"/>
  <rowBreaks count="1" manualBreakCount="1">
    <brk id="81" max="16383" man="1"/>
  </rowBreaks>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60279F-D582-4930-ABC9-B72F6D31C996}">
  <sheetPr>
    <pageSetUpPr fitToPage="1"/>
  </sheetPr>
  <dimension ref="A1:I61"/>
  <sheetViews>
    <sheetView zoomScaleNormal="100" workbookViewId="0">
      <selection activeCell="B3" sqref="B3"/>
    </sheetView>
  </sheetViews>
  <sheetFormatPr defaultColWidth="8.75" defaultRowHeight="13"/>
  <cols>
    <col min="1" max="1" width="7.58203125" style="227" customWidth="1"/>
    <col min="2" max="2" width="10.75" style="227" customWidth="1"/>
    <col min="3" max="3" width="58.33203125" style="227" customWidth="1"/>
    <col min="4" max="4" width="32.08203125" style="227" customWidth="1"/>
    <col min="5" max="5" width="32.25" style="227" customWidth="1"/>
    <col min="6" max="6" width="32.83203125" style="227" customWidth="1"/>
    <col min="7" max="8" width="34.25" style="227" customWidth="1"/>
    <col min="9" max="16384" width="8.75" style="227"/>
  </cols>
  <sheetData>
    <row r="1" spans="1:9" s="228" customFormat="1">
      <c r="A1" s="655" t="s">
        <v>685</v>
      </c>
      <c r="B1" s="655"/>
      <c r="C1" s="6"/>
    </row>
    <row r="2" spans="1:9">
      <c r="B2" s="90"/>
      <c r="G2" s="204"/>
    </row>
    <row r="3" spans="1:9">
      <c r="A3" s="90"/>
      <c r="B3" s="90" t="s">
        <v>416</v>
      </c>
    </row>
    <row r="4" spans="1:9">
      <c r="B4" s="86" t="s">
        <v>415</v>
      </c>
    </row>
    <row r="6" spans="1:9">
      <c r="B6" s="465"/>
      <c r="C6" s="966"/>
      <c r="D6" s="966"/>
      <c r="E6" s="966"/>
      <c r="F6" s="966"/>
      <c r="G6" s="967"/>
    </row>
    <row r="7" spans="1:9">
      <c r="B7" s="466" t="s">
        <v>689</v>
      </c>
      <c r="C7" s="968"/>
      <c r="D7" s="968"/>
      <c r="E7" s="968"/>
      <c r="F7" s="968"/>
      <c r="G7" s="969"/>
    </row>
    <row r="8" spans="1:9">
      <c r="B8" s="452">
        <v>1</v>
      </c>
      <c r="C8" s="453" t="s">
        <v>414</v>
      </c>
      <c r="D8" s="454" t="s">
        <v>413</v>
      </c>
      <c r="E8" s="454" t="s">
        <v>413</v>
      </c>
      <c r="F8" s="454" t="s">
        <v>413</v>
      </c>
      <c r="G8" s="454" t="s">
        <v>413</v>
      </c>
      <c r="I8" s="439"/>
    </row>
    <row r="9" spans="1:9">
      <c r="B9" s="452">
        <v>2</v>
      </c>
      <c r="C9" s="453" t="s">
        <v>655</v>
      </c>
      <c r="D9" s="454" t="s">
        <v>412</v>
      </c>
      <c r="E9" s="454" t="s">
        <v>411</v>
      </c>
      <c r="F9" s="454" t="s">
        <v>444</v>
      </c>
      <c r="G9" s="454" t="s">
        <v>677</v>
      </c>
      <c r="I9" s="439"/>
    </row>
    <row r="10" spans="1:9">
      <c r="B10" s="452">
        <v>3</v>
      </c>
      <c r="C10" s="453" t="s">
        <v>410</v>
      </c>
      <c r="D10" s="454" t="s">
        <v>409</v>
      </c>
      <c r="E10" s="454" t="s">
        <v>409</v>
      </c>
      <c r="F10" s="454" t="s">
        <v>409</v>
      </c>
      <c r="G10" s="454" t="s">
        <v>409</v>
      </c>
      <c r="I10" s="439"/>
    </row>
    <row r="11" spans="1:9">
      <c r="B11" s="452"/>
      <c r="C11" s="455" t="s">
        <v>408</v>
      </c>
      <c r="D11" s="456"/>
      <c r="E11" s="456"/>
      <c r="F11" s="456"/>
      <c r="G11" s="456"/>
      <c r="I11" s="439"/>
    </row>
    <row r="12" spans="1:9">
      <c r="B12" s="452">
        <v>4</v>
      </c>
      <c r="C12" s="453" t="s">
        <v>407</v>
      </c>
      <c r="D12" s="454" t="s">
        <v>240</v>
      </c>
      <c r="E12" s="454" t="s">
        <v>240</v>
      </c>
      <c r="F12" s="454" t="s">
        <v>405</v>
      </c>
      <c r="G12" s="454" t="s">
        <v>405</v>
      </c>
      <c r="I12" s="439"/>
    </row>
    <row r="13" spans="1:9">
      <c r="B13" s="452">
        <v>5</v>
      </c>
      <c r="C13" s="453" t="s">
        <v>406</v>
      </c>
      <c r="D13" s="454" t="s">
        <v>240</v>
      </c>
      <c r="E13" s="454" t="s">
        <v>240</v>
      </c>
      <c r="F13" s="454" t="s">
        <v>405</v>
      </c>
      <c r="G13" s="454" t="s">
        <v>405</v>
      </c>
      <c r="I13" s="439"/>
    </row>
    <row r="14" spans="1:9">
      <c r="B14" s="452">
        <v>6</v>
      </c>
      <c r="C14" s="453" t="s">
        <v>404</v>
      </c>
      <c r="D14" s="454" t="s">
        <v>403</v>
      </c>
      <c r="E14" s="454" t="s">
        <v>403</v>
      </c>
      <c r="F14" s="454" t="s">
        <v>403</v>
      </c>
      <c r="G14" s="454" t="s">
        <v>403</v>
      </c>
      <c r="I14" s="439"/>
    </row>
    <row r="15" spans="1:9">
      <c r="B15" s="452">
        <v>7</v>
      </c>
      <c r="C15" s="453" t="s">
        <v>402</v>
      </c>
      <c r="D15" s="457" t="s">
        <v>401</v>
      </c>
      <c r="E15" s="457" t="s">
        <v>401</v>
      </c>
      <c r="F15" s="457" t="s">
        <v>400</v>
      </c>
      <c r="G15" s="457" t="s">
        <v>400</v>
      </c>
      <c r="I15" s="439"/>
    </row>
    <row r="16" spans="1:9" ht="26">
      <c r="B16" s="452">
        <v>8</v>
      </c>
      <c r="C16" s="453" t="s">
        <v>399</v>
      </c>
      <c r="D16" s="458" t="s">
        <v>739</v>
      </c>
      <c r="E16" s="458" t="s">
        <v>740</v>
      </c>
      <c r="F16" s="458" t="s">
        <v>741</v>
      </c>
      <c r="G16" s="458" t="s">
        <v>742</v>
      </c>
      <c r="H16" s="444"/>
      <c r="I16" s="439"/>
    </row>
    <row r="17" spans="2:9">
      <c r="B17" s="452">
        <v>9</v>
      </c>
      <c r="C17" s="453" t="s">
        <v>398</v>
      </c>
      <c r="D17" s="454" t="s">
        <v>397</v>
      </c>
      <c r="E17" s="454" t="s">
        <v>396</v>
      </c>
      <c r="F17" s="454" t="s">
        <v>443</v>
      </c>
      <c r="G17" s="454" t="s">
        <v>678</v>
      </c>
      <c r="H17" s="439"/>
      <c r="I17" s="439"/>
    </row>
    <row r="18" spans="2:9">
      <c r="B18" s="459" t="s">
        <v>395</v>
      </c>
      <c r="C18" s="453" t="s">
        <v>394</v>
      </c>
      <c r="D18" s="460">
        <v>0.99360999999999999</v>
      </c>
      <c r="E18" s="461">
        <v>0.99</v>
      </c>
      <c r="F18" s="461">
        <v>1</v>
      </c>
      <c r="G18" s="461">
        <v>1</v>
      </c>
      <c r="H18" s="439"/>
      <c r="I18" s="439"/>
    </row>
    <row r="19" spans="2:9">
      <c r="B19" s="459" t="s">
        <v>393</v>
      </c>
      <c r="C19" s="453" t="s">
        <v>392</v>
      </c>
      <c r="D19" s="461">
        <v>1</v>
      </c>
      <c r="E19" s="461">
        <v>1</v>
      </c>
      <c r="F19" s="461" t="s">
        <v>346</v>
      </c>
      <c r="G19" s="461" t="s">
        <v>346</v>
      </c>
      <c r="H19" s="439"/>
      <c r="I19" s="439"/>
    </row>
    <row r="20" spans="2:9">
      <c r="B20" s="452">
        <v>10</v>
      </c>
      <c r="C20" s="453" t="s">
        <v>391</v>
      </c>
      <c r="D20" s="454" t="s">
        <v>390</v>
      </c>
      <c r="E20" s="454" t="s">
        <v>390</v>
      </c>
      <c r="F20" s="454" t="s">
        <v>390</v>
      </c>
      <c r="G20" s="454" t="s">
        <v>390</v>
      </c>
      <c r="H20" s="439"/>
      <c r="I20" s="439"/>
    </row>
    <row r="21" spans="2:9">
      <c r="B21" s="452">
        <v>11</v>
      </c>
      <c r="C21" s="453" t="s">
        <v>389</v>
      </c>
      <c r="D21" s="462" t="s">
        <v>388</v>
      </c>
      <c r="E21" s="462" t="s">
        <v>387</v>
      </c>
      <c r="F21" s="462" t="s">
        <v>442</v>
      </c>
      <c r="G21" s="462" t="s">
        <v>679</v>
      </c>
      <c r="H21" s="439"/>
      <c r="I21" s="439"/>
    </row>
    <row r="22" spans="2:9">
      <c r="B22" s="452">
        <v>12</v>
      </c>
      <c r="C22" s="453" t="s">
        <v>386</v>
      </c>
      <c r="D22" s="454" t="s">
        <v>385</v>
      </c>
      <c r="E22" s="454" t="s">
        <v>385</v>
      </c>
      <c r="F22" s="454" t="s">
        <v>384</v>
      </c>
      <c r="G22" s="454" t="s">
        <v>384</v>
      </c>
      <c r="H22" s="439"/>
      <c r="I22" s="439"/>
    </row>
    <row r="23" spans="2:9">
      <c r="B23" s="452">
        <v>13</v>
      </c>
      <c r="C23" s="453" t="s">
        <v>383</v>
      </c>
      <c r="D23" s="462" t="s">
        <v>382</v>
      </c>
      <c r="E23" s="462" t="s">
        <v>381</v>
      </c>
      <c r="F23" s="462" t="s">
        <v>346</v>
      </c>
      <c r="G23" s="462" t="s">
        <v>346</v>
      </c>
      <c r="H23" s="439"/>
      <c r="I23" s="439"/>
    </row>
    <row r="24" spans="2:9">
      <c r="B24" s="452">
        <v>14</v>
      </c>
      <c r="C24" s="453" t="s">
        <v>380</v>
      </c>
      <c r="D24" s="462" t="s">
        <v>341</v>
      </c>
      <c r="E24" s="462" t="s">
        <v>341</v>
      </c>
      <c r="F24" s="462" t="s">
        <v>341</v>
      </c>
      <c r="G24" s="462" t="s">
        <v>341</v>
      </c>
      <c r="H24" s="439"/>
      <c r="I24" s="439"/>
    </row>
    <row r="25" spans="2:9" ht="26">
      <c r="B25" s="452">
        <v>15</v>
      </c>
      <c r="C25" s="453" t="s">
        <v>379</v>
      </c>
      <c r="D25" s="457" t="s">
        <v>378</v>
      </c>
      <c r="E25" s="463" t="s">
        <v>377</v>
      </c>
      <c r="F25" s="457" t="s">
        <v>441</v>
      </c>
      <c r="G25" s="457" t="s">
        <v>680</v>
      </c>
      <c r="H25" s="439"/>
      <c r="I25" s="439"/>
    </row>
    <row r="26" spans="2:9" ht="26">
      <c r="B26" s="452">
        <v>16</v>
      </c>
      <c r="C26" s="453" t="s">
        <v>376</v>
      </c>
      <c r="D26" s="457" t="s">
        <v>346</v>
      </c>
      <c r="E26" s="463" t="s">
        <v>346</v>
      </c>
      <c r="F26" s="457" t="s">
        <v>375</v>
      </c>
      <c r="G26" s="457" t="s">
        <v>375</v>
      </c>
      <c r="H26" s="439"/>
      <c r="I26" s="439"/>
    </row>
    <row r="27" spans="2:9">
      <c r="B27" s="452"/>
      <c r="C27" s="453" t="s">
        <v>374</v>
      </c>
      <c r="D27" s="456"/>
      <c r="E27" s="456"/>
      <c r="F27" s="456"/>
      <c r="G27" s="456"/>
      <c r="H27" s="439"/>
      <c r="I27" s="439"/>
    </row>
    <row r="28" spans="2:9">
      <c r="B28" s="452">
        <v>17</v>
      </c>
      <c r="C28" s="453" t="s">
        <v>373</v>
      </c>
      <c r="D28" s="454" t="s">
        <v>372</v>
      </c>
      <c r="E28" s="454" t="s">
        <v>372</v>
      </c>
      <c r="F28" s="454" t="s">
        <v>371</v>
      </c>
      <c r="G28" s="454" t="s">
        <v>371</v>
      </c>
      <c r="H28" s="439"/>
      <c r="I28" s="439"/>
    </row>
    <row r="29" spans="2:9" ht="54" customHeight="1">
      <c r="B29" s="452">
        <v>18</v>
      </c>
      <c r="C29" s="453" t="s">
        <v>370</v>
      </c>
      <c r="D29" s="457" t="s">
        <v>369</v>
      </c>
      <c r="E29" s="457" t="s">
        <v>368</v>
      </c>
      <c r="F29" s="457" t="s">
        <v>440</v>
      </c>
      <c r="G29" s="457" t="s">
        <v>681</v>
      </c>
      <c r="H29" s="439"/>
      <c r="I29" s="439"/>
    </row>
    <row r="30" spans="2:9">
      <c r="B30" s="452">
        <v>19</v>
      </c>
      <c r="C30" s="453" t="s">
        <v>367</v>
      </c>
      <c r="D30" s="454" t="s">
        <v>342</v>
      </c>
      <c r="E30" s="454" t="s">
        <v>342</v>
      </c>
      <c r="F30" s="454" t="s">
        <v>342</v>
      </c>
      <c r="G30" s="454" t="s">
        <v>342</v>
      </c>
      <c r="H30" s="439"/>
      <c r="I30" s="439"/>
    </row>
    <row r="31" spans="2:9">
      <c r="B31" s="459" t="s">
        <v>265</v>
      </c>
      <c r="C31" s="453" t="s">
        <v>656</v>
      </c>
      <c r="D31" s="454" t="s">
        <v>365</v>
      </c>
      <c r="E31" s="454" t="s">
        <v>365</v>
      </c>
      <c r="F31" s="454" t="s">
        <v>364</v>
      </c>
      <c r="G31" s="454" t="s">
        <v>364</v>
      </c>
      <c r="H31" s="439"/>
      <c r="I31" s="439"/>
    </row>
    <row r="32" spans="2:9">
      <c r="B32" s="459" t="s">
        <v>267</v>
      </c>
      <c r="C32" s="453" t="s">
        <v>366</v>
      </c>
      <c r="D32" s="454" t="s">
        <v>365</v>
      </c>
      <c r="E32" s="454" t="s">
        <v>365</v>
      </c>
      <c r="F32" s="454" t="s">
        <v>364</v>
      </c>
      <c r="G32" s="454" t="s">
        <v>364</v>
      </c>
      <c r="H32" s="439"/>
      <c r="I32" s="439"/>
    </row>
    <row r="33" spans="2:9">
      <c r="B33" s="452">
        <v>21</v>
      </c>
      <c r="C33" s="453" t="s">
        <v>363</v>
      </c>
      <c r="D33" s="454" t="s">
        <v>342</v>
      </c>
      <c r="E33" s="454" t="s">
        <v>342</v>
      </c>
      <c r="F33" s="454" t="s">
        <v>342</v>
      </c>
      <c r="G33" s="454" t="s">
        <v>342</v>
      </c>
      <c r="H33" s="439"/>
      <c r="I33" s="439"/>
    </row>
    <row r="34" spans="2:9">
      <c r="B34" s="452">
        <v>22</v>
      </c>
      <c r="C34" s="453" t="s">
        <v>362</v>
      </c>
      <c r="D34" s="454" t="s">
        <v>346</v>
      </c>
      <c r="E34" s="454" t="s">
        <v>346</v>
      </c>
      <c r="F34" s="454" t="s">
        <v>361</v>
      </c>
      <c r="G34" s="454" t="s">
        <v>361</v>
      </c>
      <c r="H34" s="439"/>
      <c r="I34" s="439"/>
    </row>
    <row r="35" spans="2:9">
      <c r="B35" s="452">
        <v>23</v>
      </c>
      <c r="C35" s="453" t="s">
        <v>360</v>
      </c>
      <c r="D35" s="454" t="s">
        <v>359</v>
      </c>
      <c r="E35" s="454" t="s">
        <v>359</v>
      </c>
      <c r="F35" s="454" t="s">
        <v>439</v>
      </c>
      <c r="G35" s="454" t="s">
        <v>439</v>
      </c>
      <c r="H35" s="439"/>
      <c r="I35" s="439"/>
    </row>
    <row r="36" spans="2:9">
      <c r="B36" s="452">
        <v>24</v>
      </c>
      <c r="C36" s="453" t="s">
        <v>358</v>
      </c>
      <c r="D36" s="454" t="s">
        <v>346</v>
      </c>
      <c r="E36" s="454" t="s">
        <v>346</v>
      </c>
      <c r="F36" s="454" t="s">
        <v>350</v>
      </c>
      <c r="G36" s="454" t="s">
        <v>350</v>
      </c>
      <c r="H36" s="439"/>
      <c r="I36" s="439"/>
    </row>
    <row r="37" spans="2:9">
      <c r="B37" s="452">
        <v>25</v>
      </c>
      <c r="C37" s="453" t="s">
        <v>357</v>
      </c>
      <c r="D37" s="454" t="s">
        <v>346</v>
      </c>
      <c r="E37" s="454" t="s">
        <v>346</v>
      </c>
      <c r="F37" s="454" t="s">
        <v>438</v>
      </c>
      <c r="G37" s="454" t="s">
        <v>438</v>
      </c>
      <c r="H37" s="439"/>
      <c r="I37" s="439"/>
    </row>
    <row r="38" spans="2:9" ht="26">
      <c r="B38" s="452">
        <v>26</v>
      </c>
      <c r="C38" s="453" t="s">
        <v>356</v>
      </c>
      <c r="D38" s="454" t="s">
        <v>346</v>
      </c>
      <c r="E38" s="454" t="s">
        <v>346</v>
      </c>
      <c r="F38" s="457" t="s">
        <v>437</v>
      </c>
      <c r="G38" s="457" t="s">
        <v>437</v>
      </c>
      <c r="H38" s="439"/>
      <c r="I38" s="439"/>
    </row>
    <row r="39" spans="2:9">
      <c r="B39" s="452">
        <v>27</v>
      </c>
      <c r="C39" s="453" t="s">
        <v>355</v>
      </c>
      <c r="D39" s="454" t="s">
        <v>346</v>
      </c>
      <c r="E39" s="454" t="s">
        <v>346</v>
      </c>
      <c r="F39" s="454" t="s">
        <v>365</v>
      </c>
      <c r="G39" s="454" t="s">
        <v>365</v>
      </c>
      <c r="H39" s="439"/>
      <c r="I39" s="439"/>
    </row>
    <row r="40" spans="2:9">
      <c r="B40" s="452">
        <v>28</v>
      </c>
      <c r="C40" s="453" t="s">
        <v>354</v>
      </c>
      <c r="D40" s="454" t="s">
        <v>346</v>
      </c>
      <c r="E40" s="454" t="s">
        <v>346</v>
      </c>
      <c r="F40" s="454" t="s">
        <v>436</v>
      </c>
      <c r="G40" s="454" t="s">
        <v>436</v>
      </c>
      <c r="H40" s="439"/>
      <c r="I40" s="439"/>
    </row>
    <row r="41" spans="2:9">
      <c r="B41" s="452">
        <v>29</v>
      </c>
      <c r="C41" s="453" t="s">
        <v>353</v>
      </c>
      <c r="D41" s="454" t="s">
        <v>346</v>
      </c>
      <c r="E41" s="454" t="s">
        <v>346</v>
      </c>
      <c r="F41" s="454" t="s">
        <v>414</v>
      </c>
      <c r="G41" s="454" t="s">
        <v>414</v>
      </c>
      <c r="H41" s="439"/>
      <c r="I41" s="439"/>
    </row>
    <row r="42" spans="2:9">
      <c r="B42" s="452">
        <v>30</v>
      </c>
      <c r="C42" s="453" t="s">
        <v>352</v>
      </c>
      <c r="D42" s="454" t="s">
        <v>342</v>
      </c>
      <c r="E42" s="454" t="s">
        <v>342</v>
      </c>
      <c r="F42" s="454" t="s">
        <v>342</v>
      </c>
      <c r="G42" s="454" t="s">
        <v>342</v>
      </c>
      <c r="H42" s="439"/>
      <c r="I42" s="439"/>
    </row>
    <row r="43" spans="2:9">
      <c r="B43" s="452">
        <v>31</v>
      </c>
      <c r="C43" s="453" t="s">
        <v>351</v>
      </c>
      <c r="D43" s="454" t="s">
        <v>346</v>
      </c>
      <c r="E43" s="454" t="s">
        <v>346</v>
      </c>
      <c r="F43" s="454" t="s">
        <v>346</v>
      </c>
      <c r="G43" s="454" t="s">
        <v>346</v>
      </c>
      <c r="H43" s="439"/>
      <c r="I43" s="439"/>
    </row>
    <row r="44" spans="2:9">
      <c r="B44" s="452">
        <v>32</v>
      </c>
      <c r="C44" s="453" t="s">
        <v>349</v>
      </c>
      <c r="D44" s="454" t="s">
        <v>346</v>
      </c>
      <c r="E44" s="454" t="s">
        <v>346</v>
      </c>
      <c r="F44" s="454" t="s">
        <v>346</v>
      </c>
      <c r="G44" s="454" t="s">
        <v>346</v>
      </c>
      <c r="H44" s="439"/>
      <c r="I44" s="439"/>
    </row>
    <row r="45" spans="2:9">
      <c r="B45" s="452">
        <v>33</v>
      </c>
      <c r="C45" s="453" t="s">
        <v>348</v>
      </c>
      <c r="D45" s="454" t="s">
        <v>346</v>
      </c>
      <c r="E45" s="454" t="s">
        <v>346</v>
      </c>
      <c r="F45" s="454" t="s">
        <v>346</v>
      </c>
      <c r="G45" s="454" t="s">
        <v>346</v>
      </c>
      <c r="H45" s="439"/>
      <c r="I45" s="439"/>
    </row>
    <row r="46" spans="2:9" ht="25.9" customHeight="1">
      <c r="B46" s="452">
        <v>34</v>
      </c>
      <c r="C46" s="453" t="s">
        <v>347</v>
      </c>
      <c r="D46" s="454" t="s">
        <v>346</v>
      </c>
      <c r="E46" s="457" t="s">
        <v>346</v>
      </c>
      <c r="F46" s="454" t="s">
        <v>346</v>
      </c>
      <c r="G46" s="454" t="s">
        <v>346</v>
      </c>
      <c r="H46" s="439"/>
      <c r="I46" s="439"/>
    </row>
    <row r="47" spans="2:9" ht="26">
      <c r="B47" s="452">
        <v>35</v>
      </c>
      <c r="C47" s="453" t="s">
        <v>345</v>
      </c>
      <c r="D47" s="454" t="s">
        <v>344</v>
      </c>
      <c r="E47" s="454" t="s">
        <v>344</v>
      </c>
      <c r="F47" s="454" t="s">
        <v>240</v>
      </c>
      <c r="G47" s="454" t="s">
        <v>240</v>
      </c>
      <c r="H47" s="439"/>
      <c r="I47" s="439"/>
    </row>
    <row r="48" spans="2:9">
      <c r="B48" s="452">
        <v>36</v>
      </c>
      <c r="C48" s="453" t="s">
        <v>343</v>
      </c>
      <c r="D48" s="454" t="s">
        <v>342</v>
      </c>
      <c r="E48" s="454" t="s">
        <v>342</v>
      </c>
      <c r="F48" s="454" t="s">
        <v>342</v>
      </c>
      <c r="G48" s="454" t="s">
        <v>342</v>
      </c>
      <c r="H48" s="439"/>
      <c r="I48" s="439"/>
    </row>
    <row r="49" spans="2:9" ht="12.65" customHeight="1">
      <c r="B49" s="452">
        <v>37</v>
      </c>
      <c r="C49" s="453" t="s">
        <v>467</v>
      </c>
      <c r="D49" s="457"/>
      <c r="E49" s="457"/>
      <c r="F49" s="457"/>
      <c r="G49" s="457"/>
      <c r="H49" s="439"/>
      <c r="I49" s="439"/>
    </row>
    <row r="50" spans="2:9">
      <c r="B50" s="439"/>
      <c r="C50" s="464" t="s">
        <v>340</v>
      </c>
      <c r="D50" s="439"/>
      <c r="E50" s="439"/>
      <c r="F50" s="439"/>
      <c r="G50" s="439"/>
      <c r="H50" s="439"/>
      <c r="I50" s="439"/>
    </row>
    <row r="51" spans="2:9">
      <c r="B51" s="439"/>
      <c r="C51" s="439"/>
      <c r="D51" s="439"/>
      <c r="E51" s="439"/>
      <c r="F51" s="439"/>
      <c r="G51" s="439"/>
      <c r="H51" s="439"/>
      <c r="I51" s="439"/>
    </row>
    <row r="52" spans="2:9">
      <c r="B52" s="439"/>
      <c r="C52" s="439"/>
      <c r="D52" s="439"/>
      <c r="E52" s="439"/>
      <c r="F52" s="439"/>
      <c r="G52" s="439"/>
      <c r="H52" s="439"/>
      <c r="I52" s="439"/>
    </row>
    <row r="53" spans="2:9">
      <c r="B53" s="439"/>
      <c r="C53" s="439"/>
      <c r="D53" s="439"/>
      <c r="E53" s="439"/>
      <c r="F53" s="439"/>
      <c r="G53" s="439"/>
      <c r="H53" s="439"/>
      <c r="I53" s="439"/>
    </row>
    <row r="54" spans="2:9">
      <c r="B54" s="439"/>
      <c r="C54" s="439"/>
      <c r="D54" s="439"/>
      <c r="E54" s="439"/>
      <c r="F54" s="439"/>
      <c r="G54" s="439"/>
      <c r="H54" s="439"/>
      <c r="I54" s="439"/>
    </row>
    <row r="55" spans="2:9">
      <c r="B55" s="439"/>
      <c r="C55" s="439"/>
      <c r="D55" s="439"/>
      <c r="E55" s="439"/>
      <c r="F55" s="439"/>
      <c r="G55" s="439"/>
      <c r="H55" s="439"/>
      <c r="I55" s="439"/>
    </row>
    <row r="56" spans="2:9">
      <c r="B56" s="439"/>
      <c r="C56" s="439"/>
      <c r="D56" s="439"/>
      <c r="E56" s="439"/>
      <c r="F56" s="439"/>
      <c r="G56" s="439"/>
      <c r="H56" s="439"/>
      <c r="I56" s="439"/>
    </row>
    <row r="57" spans="2:9">
      <c r="B57" s="439"/>
      <c r="C57" s="439"/>
      <c r="D57" s="439"/>
      <c r="E57" s="439"/>
      <c r="F57" s="439"/>
      <c r="G57" s="439"/>
      <c r="H57" s="439"/>
      <c r="I57" s="439"/>
    </row>
    <row r="58" spans="2:9">
      <c r="B58" s="439"/>
      <c r="C58" s="439"/>
      <c r="D58" s="439"/>
      <c r="E58" s="439"/>
      <c r="F58" s="439"/>
      <c r="G58" s="439"/>
      <c r="H58" s="439"/>
      <c r="I58" s="439"/>
    </row>
    <row r="59" spans="2:9">
      <c r="B59" s="439"/>
      <c r="C59" s="439"/>
      <c r="D59" s="439"/>
      <c r="E59" s="439"/>
      <c r="F59" s="439"/>
      <c r="G59" s="439"/>
      <c r="H59" s="439"/>
      <c r="I59" s="439"/>
    </row>
    <row r="60" spans="2:9">
      <c r="B60" s="439"/>
      <c r="C60" s="439"/>
      <c r="D60" s="439"/>
      <c r="E60" s="439"/>
      <c r="F60" s="439"/>
      <c r="G60" s="439"/>
      <c r="H60" s="439"/>
      <c r="I60" s="439"/>
    </row>
    <row r="61" spans="2:9">
      <c r="B61" s="439"/>
      <c r="C61" s="439"/>
      <c r="D61" s="439"/>
      <c r="E61" s="439"/>
      <c r="F61" s="439"/>
      <c r="G61" s="439"/>
      <c r="H61" s="439"/>
      <c r="I61" s="439"/>
    </row>
  </sheetData>
  <mergeCells count="1">
    <mergeCell ref="C6:G7"/>
  </mergeCells>
  <printOptions horizontalCentered="1"/>
  <pageMargins left="0.35433070866141736" right="0.35433070866141736" top="0.78740157480314965" bottom="0.59055118110236227" header="0.51181102362204722" footer="0.51181102362204722"/>
  <pageSetup paperSize="9" scale="62" orientation="landscape"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28">
    <pageSetUpPr fitToPage="1"/>
  </sheetPr>
  <dimension ref="A1:I49"/>
  <sheetViews>
    <sheetView zoomScaleNormal="100" workbookViewId="0">
      <selection activeCell="B3" sqref="B3"/>
    </sheetView>
  </sheetViews>
  <sheetFormatPr defaultColWidth="9" defaultRowHeight="12.75" customHeight="1"/>
  <cols>
    <col min="1" max="1" width="4.33203125" style="1" customWidth="1"/>
    <col min="2" max="2" width="62.58203125" style="1" customWidth="1"/>
    <col min="3" max="7" width="16.58203125" style="1" customWidth="1"/>
    <col min="8" max="8" width="20.25" style="5" customWidth="1"/>
    <col min="9" max="9" width="17.33203125" style="5" customWidth="1"/>
    <col min="10" max="16384" width="9" style="1"/>
  </cols>
  <sheetData>
    <row r="1" spans="1:9" s="224" customFormat="1" ht="12.75" customHeight="1">
      <c r="A1" s="652" t="s">
        <v>685</v>
      </c>
      <c r="B1" s="652"/>
      <c r="C1" s="6"/>
    </row>
    <row r="2" spans="1:9" s="224" customFormat="1" ht="12.75" customHeight="1">
      <c r="C2" s="248"/>
      <c r="D2" s="248"/>
      <c r="E2" s="248"/>
      <c r="F2" s="248"/>
      <c r="G2" s="248"/>
      <c r="H2" s="248"/>
      <c r="I2" s="269"/>
    </row>
    <row r="3" spans="1:9" s="224" customFormat="1" ht="12.75" customHeight="1">
      <c r="B3" s="226" t="s">
        <v>238</v>
      </c>
      <c r="C3" s="248"/>
      <c r="D3" s="248"/>
      <c r="E3" s="248"/>
      <c r="F3" s="248"/>
      <c r="G3" s="248"/>
      <c r="H3" s="248"/>
      <c r="I3" s="248"/>
    </row>
    <row r="4" spans="1:9" ht="12.75" customHeight="1">
      <c r="B4" s="8"/>
      <c r="C4" s="233"/>
      <c r="D4" s="233"/>
      <c r="E4" s="233"/>
      <c r="F4" s="233"/>
      <c r="G4" s="233"/>
      <c r="H4" s="233"/>
      <c r="I4" s="233"/>
    </row>
    <row r="5" spans="1:9" s="232" customFormat="1" ht="12.75" customHeight="1">
      <c r="C5" s="232" t="s">
        <v>1</v>
      </c>
      <c r="D5" s="232" t="s">
        <v>2</v>
      </c>
      <c r="E5" s="232" t="s">
        <v>3</v>
      </c>
      <c r="F5" s="232" t="s">
        <v>9</v>
      </c>
      <c r="G5" s="232" t="s">
        <v>10</v>
      </c>
      <c r="H5" s="232" t="s">
        <v>11</v>
      </c>
      <c r="I5" s="232" t="s">
        <v>418</v>
      </c>
    </row>
    <row r="6" spans="1:9" s="223" customFormat="1" ht="12.75" customHeight="1">
      <c r="A6" s="232"/>
      <c r="B6" s="785" t="s">
        <v>693</v>
      </c>
      <c r="C6" s="786" t="s">
        <v>99</v>
      </c>
      <c r="D6" s="786"/>
      <c r="E6" s="788" t="s">
        <v>97</v>
      </c>
      <c r="F6" s="786" t="s">
        <v>96</v>
      </c>
      <c r="G6" s="786" t="s">
        <v>124</v>
      </c>
      <c r="H6" s="786" t="s">
        <v>98</v>
      </c>
      <c r="I6" s="786" t="s">
        <v>424</v>
      </c>
    </row>
    <row r="7" spans="1:9" s="223" customFormat="1" ht="12.75" customHeight="1">
      <c r="A7" s="232"/>
      <c r="B7" s="792"/>
      <c r="C7" s="791" t="s">
        <v>14</v>
      </c>
      <c r="D7" s="781" t="s">
        <v>15</v>
      </c>
      <c r="E7" s="791"/>
      <c r="F7" s="781"/>
      <c r="G7" s="781"/>
      <c r="H7" s="781"/>
      <c r="I7" s="781"/>
    </row>
    <row r="8" spans="1:9" s="223" customFormat="1" ht="12.65" customHeight="1">
      <c r="A8" s="232"/>
      <c r="B8" s="793"/>
      <c r="C8" s="789"/>
      <c r="D8" s="782"/>
      <c r="E8" s="789"/>
      <c r="F8" s="782"/>
      <c r="G8" s="782"/>
      <c r="H8" s="782"/>
      <c r="I8" s="782"/>
    </row>
    <row r="9" spans="1:9" s="224" customFormat="1" ht="12.75" customHeight="1">
      <c r="A9" s="232"/>
      <c r="B9" s="225" t="s">
        <v>110</v>
      </c>
      <c r="C9" s="236">
        <v>7.3038879999999997</v>
      </c>
      <c r="D9" s="197">
        <v>175681.83254800001</v>
      </c>
      <c r="E9" s="236">
        <v>61.309832</v>
      </c>
      <c r="F9" s="236"/>
      <c r="G9" s="236"/>
      <c r="H9" s="236">
        <v>-7.2097291999999964</v>
      </c>
      <c r="I9" s="237">
        <v>175627.826604</v>
      </c>
    </row>
    <row r="10" spans="1:9" s="224" customFormat="1" ht="12.75" customHeight="1">
      <c r="A10" s="232"/>
      <c r="B10" s="225" t="s">
        <v>111</v>
      </c>
      <c r="C10" s="236">
        <v>479.01111800000001</v>
      </c>
      <c r="D10" s="197">
        <v>146232.53832399999</v>
      </c>
      <c r="E10" s="236">
        <v>443.03925900000002</v>
      </c>
      <c r="F10" s="236"/>
      <c r="G10" s="236">
        <v>1.8411230000000001</v>
      </c>
      <c r="H10" s="236">
        <v>5.2770491700003328</v>
      </c>
      <c r="I10" s="237">
        <v>146268.51018299998</v>
      </c>
    </row>
    <row r="11" spans="1:9" s="224" customFormat="1" ht="12.75" customHeight="1">
      <c r="A11" s="232"/>
      <c r="B11" s="225" t="s">
        <v>112</v>
      </c>
      <c r="C11" s="236">
        <v>137.29417799999999</v>
      </c>
      <c r="D11" s="197">
        <v>56212.274157</v>
      </c>
      <c r="E11" s="236">
        <v>186.46317300000001</v>
      </c>
      <c r="F11" s="236"/>
      <c r="G11" s="236"/>
      <c r="H11" s="236">
        <v>80.129813470000087</v>
      </c>
      <c r="I11" s="237">
        <v>56163.105162</v>
      </c>
    </row>
    <row r="12" spans="1:9" s="224" customFormat="1" ht="12.75" customHeight="1">
      <c r="A12" s="232"/>
      <c r="B12" s="225" t="s">
        <v>113</v>
      </c>
      <c r="C12" s="236">
        <v>1495.0831370000001</v>
      </c>
      <c r="D12" s="197">
        <v>55702.17209</v>
      </c>
      <c r="E12" s="236">
        <v>571.55768499999999</v>
      </c>
      <c r="F12" s="236"/>
      <c r="G12" s="236"/>
      <c r="H12" s="236">
        <v>29.439005570000059</v>
      </c>
      <c r="I12" s="237">
        <v>56625.697542000002</v>
      </c>
    </row>
    <row r="13" spans="1:9" s="224" customFormat="1" ht="12.75" customHeight="1">
      <c r="A13" s="232"/>
      <c r="B13" s="225" t="s">
        <v>114</v>
      </c>
      <c r="C13" s="236">
        <v>1553.317988</v>
      </c>
      <c r="D13" s="197">
        <v>267757.06964100001</v>
      </c>
      <c r="E13" s="236">
        <v>1289.3156939999999</v>
      </c>
      <c r="F13" s="236"/>
      <c r="G13" s="236">
        <v>2.6674370000000001</v>
      </c>
      <c r="H13" s="236">
        <v>-146.99372672999962</v>
      </c>
      <c r="I13" s="237">
        <v>268021.07193500001</v>
      </c>
    </row>
    <row r="14" spans="1:9" s="224" customFormat="1" ht="12.75" customHeight="1">
      <c r="A14" s="232"/>
      <c r="B14" s="225" t="s">
        <v>115</v>
      </c>
      <c r="C14" s="236">
        <v>401.594044</v>
      </c>
      <c r="D14" s="197">
        <v>37214.758347000003</v>
      </c>
      <c r="E14" s="236">
        <v>278.74064199999998</v>
      </c>
      <c r="F14" s="236"/>
      <c r="G14" s="236">
        <v>67.935772999999998</v>
      </c>
      <c r="H14" s="236">
        <v>132.27458534000004</v>
      </c>
      <c r="I14" s="237">
        <v>37337.611749000003</v>
      </c>
    </row>
    <row r="15" spans="1:9" s="224" customFormat="1" ht="12.75" customHeight="1">
      <c r="A15" s="232"/>
      <c r="B15" s="225" t="s">
        <v>116</v>
      </c>
      <c r="C15" s="236">
        <v>3135.6802990000001</v>
      </c>
      <c r="D15" s="197">
        <v>280301.20954399998</v>
      </c>
      <c r="E15" s="236">
        <v>1672.641744</v>
      </c>
      <c r="F15" s="236"/>
      <c r="G15" s="236">
        <v>8.0168870000000005</v>
      </c>
      <c r="H15" s="236">
        <v>-1.9601198099997306</v>
      </c>
      <c r="I15" s="237">
        <v>281764.24809899996</v>
      </c>
    </row>
    <row r="16" spans="1:9" s="224" customFormat="1" ht="12.75" customHeight="1">
      <c r="A16" s="232"/>
      <c r="B16" s="225" t="s">
        <v>117</v>
      </c>
      <c r="C16" s="236">
        <v>125.341244</v>
      </c>
      <c r="D16" s="197">
        <v>36804.309198000003</v>
      </c>
      <c r="E16" s="236">
        <v>76.570656</v>
      </c>
      <c r="F16" s="236"/>
      <c r="G16" s="236">
        <v>1.6392E-2</v>
      </c>
      <c r="H16" s="236">
        <v>-4.1838090500000087</v>
      </c>
      <c r="I16" s="237">
        <v>36853.079786000002</v>
      </c>
    </row>
    <row r="17" spans="1:9" s="224" customFormat="1" ht="12.75" customHeight="1">
      <c r="A17" s="232"/>
      <c r="B17" s="225" t="s">
        <v>118</v>
      </c>
      <c r="C17" s="236">
        <v>5351.6550950000001</v>
      </c>
      <c r="D17" s="197">
        <v>42660.613782</v>
      </c>
      <c r="E17" s="236">
        <v>3275.9908599999999</v>
      </c>
      <c r="F17" s="236"/>
      <c r="G17" s="236"/>
      <c r="H17" s="236">
        <v>1693.8449522899991</v>
      </c>
      <c r="I17" s="237">
        <v>44736.278017000004</v>
      </c>
    </row>
    <row r="18" spans="1:9" s="224" customFormat="1" ht="12.75" customHeight="1">
      <c r="A18" s="232"/>
      <c r="B18" s="225" t="s">
        <v>119</v>
      </c>
      <c r="C18" s="236">
        <v>175.59222700000001</v>
      </c>
      <c r="D18" s="197">
        <v>110588.98675700001</v>
      </c>
      <c r="E18" s="197">
        <v>136.03414799999999</v>
      </c>
      <c r="F18" s="236"/>
      <c r="G18" s="236"/>
      <c r="H18" s="236">
        <v>33.452360529999964</v>
      </c>
      <c r="I18" s="237">
        <v>110628.544836</v>
      </c>
    </row>
    <row r="19" spans="1:9" s="224" customFormat="1" ht="12.75" customHeight="1">
      <c r="A19" s="232"/>
      <c r="B19" s="225" t="s">
        <v>120</v>
      </c>
      <c r="C19" s="236">
        <v>398.37437299999999</v>
      </c>
      <c r="D19" s="197">
        <v>190910.26521499999</v>
      </c>
      <c r="E19" s="236">
        <v>260.90642600000001</v>
      </c>
      <c r="F19" s="236"/>
      <c r="G19" s="236">
        <v>107.483845</v>
      </c>
      <c r="H19" s="236">
        <v>-9.6901249699999621</v>
      </c>
      <c r="I19" s="237">
        <v>191047.73316199999</v>
      </c>
    </row>
    <row r="20" spans="1:9" s="224" customFormat="1" ht="12.75" customHeight="1">
      <c r="A20" s="232"/>
      <c r="B20" s="225" t="s">
        <v>121</v>
      </c>
      <c r="C20" s="236">
        <v>35.924942000000001</v>
      </c>
      <c r="D20" s="197">
        <v>139559.71790799999</v>
      </c>
      <c r="E20" s="236">
        <v>56.083998000000001</v>
      </c>
      <c r="F20" s="236"/>
      <c r="G20" s="236"/>
      <c r="H20" s="236">
        <v>-9.6901249699999621</v>
      </c>
      <c r="I20" s="237">
        <v>139539.55885200002</v>
      </c>
    </row>
    <row r="21" spans="1:9" s="224" customFormat="1" ht="12.75" customHeight="1">
      <c r="A21" s="232"/>
      <c r="B21" s="247" t="s">
        <v>122</v>
      </c>
      <c r="C21" s="236">
        <v>2.5740470000000002</v>
      </c>
      <c r="D21" s="197">
        <v>65882.475588999994</v>
      </c>
      <c r="E21" s="236">
        <v>1.734027</v>
      </c>
      <c r="F21" s="236"/>
      <c r="G21" s="236"/>
      <c r="H21" s="236">
        <v>-2.4792973400000005</v>
      </c>
      <c r="I21" s="237">
        <v>65883.315608999997</v>
      </c>
    </row>
    <row r="22" spans="1:9" s="224" customFormat="1" ht="12.75" customHeight="1">
      <c r="A22" s="232"/>
      <c r="B22" s="225" t="s">
        <v>456</v>
      </c>
      <c r="C22" s="236">
        <v>0.232488</v>
      </c>
      <c r="D22" s="197">
        <v>450949.737991</v>
      </c>
      <c r="E22" s="236">
        <v>7.9642650000000001</v>
      </c>
      <c r="F22" s="236"/>
      <c r="G22" s="236"/>
      <c r="H22" s="236">
        <v>-8.329605360000027</v>
      </c>
      <c r="I22" s="237">
        <v>450942.00621399999</v>
      </c>
    </row>
    <row r="23" spans="1:9" s="224" customFormat="1" ht="12.75" customHeight="1">
      <c r="A23" s="232"/>
      <c r="B23" s="247" t="s">
        <v>123</v>
      </c>
      <c r="C23" s="236">
        <v>0.12691</v>
      </c>
      <c r="D23" s="197">
        <v>84214.540362</v>
      </c>
      <c r="E23" s="236">
        <v>6.0446489999999997</v>
      </c>
      <c r="F23" s="236"/>
      <c r="G23" s="236"/>
      <c r="H23" s="236">
        <v>-2.2240650300000011</v>
      </c>
      <c r="I23" s="237">
        <v>84208.622623000003</v>
      </c>
    </row>
    <row r="24" spans="1:9" s="224" customFormat="1" ht="12.75" customHeight="1">
      <c r="A24" s="232"/>
      <c r="B24" s="225" t="s">
        <v>577</v>
      </c>
      <c r="C24" s="236">
        <v>2021.41878</v>
      </c>
      <c r="D24" s="197">
        <v>670736.39096900006</v>
      </c>
      <c r="E24" s="236">
        <v>1674.6703600000001</v>
      </c>
      <c r="F24" s="236"/>
      <c r="G24" s="236">
        <v>3.1570200000000002</v>
      </c>
      <c r="H24" s="236">
        <v>-15.956092039994971</v>
      </c>
      <c r="I24" s="237">
        <v>671083.13938900002</v>
      </c>
    </row>
    <row r="25" spans="1:9" s="224" customFormat="1" ht="12.75" customHeight="1">
      <c r="A25" s="232"/>
      <c r="B25" s="235" t="s">
        <v>109</v>
      </c>
      <c r="C25" s="238">
        <v>261.98624100000001</v>
      </c>
      <c r="D25" s="216">
        <v>55081.186852999999</v>
      </c>
      <c r="E25" s="238">
        <v>165.30184199999999</v>
      </c>
      <c r="F25" s="238"/>
      <c r="G25" s="238">
        <v>8.2987789999999997</v>
      </c>
      <c r="H25" s="238">
        <v>98.27665892537506</v>
      </c>
      <c r="I25" s="218">
        <v>55177.871251999997</v>
      </c>
    </row>
    <row r="26" spans="1:9" s="224" customFormat="1" ht="12.75" customHeight="1">
      <c r="A26" s="232"/>
      <c r="B26" s="234" t="s">
        <v>13</v>
      </c>
      <c r="C26" s="237">
        <v>15582.510999</v>
      </c>
      <c r="D26" s="237">
        <v>2866490.0792749999</v>
      </c>
      <c r="E26" s="237">
        <v>10164.369260000001</v>
      </c>
      <c r="F26" s="234"/>
      <c r="G26" s="237">
        <v>199.41725599999998</v>
      </c>
      <c r="H26" s="237">
        <v>1863.97773079538</v>
      </c>
      <c r="I26" s="237">
        <v>2871908.2210139995</v>
      </c>
    </row>
    <row r="27" spans="1:9" s="224" customFormat="1" ht="12.75" customHeight="1">
      <c r="A27" s="232"/>
      <c r="B27" s="231"/>
      <c r="C27" s="231"/>
      <c r="D27" s="231"/>
      <c r="E27" s="231"/>
      <c r="F27" s="231"/>
      <c r="G27" s="231"/>
      <c r="H27" s="231"/>
      <c r="I27" s="231"/>
    </row>
    <row r="28" spans="1:9" s="232" customFormat="1" ht="12.75" customHeight="1">
      <c r="C28" s="232" t="s">
        <v>1</v>
      </c>
      <c r="D28" s="232" t="s">
        <v>2</v>
      </c>
      <c r="E28" s="232" t="s">
        <v>3</v>
      </c>
      <c r="F28" s="232" t="s">
        <v>9</v>
      </c>
      <c r="G28" s="232" t="s">
        <v>10</v>
      </c>
      <c r="H28" s="232" t="s">
        <v>11</v>
      </c>
      <c r="I28" s="232" t="s">
        <v>418</v>
      </c>
    </row>
    <row r="29" spans="1:9" s="223" customFormat="1" ht="12.75" customHeight="1">
      <c r="A29" s="232"/>
      <c r="B29" s="787" t="s">
        <v>694</v>
      </c>
      <c r="C29" s="786" t="s">
        <v>99</v>
      </c>
      <c r="D29" s="786"/>
      <c r="E29" s="786" t="s">
        <v>97</v>
      </c>
      <c r="F29" s="786" t="s">
        <v>96</v>
      </c>
      <c r="G29" s="786" t="s">
        <v>124</v>
      </c>
      <c r="H29" s="786" t="s">
        <v>98</v>
      </c>
      <c r="I29" s="786" t="s">
        <v>424</v>
      </c>
    </row>
    <row r="30" spans="1:9" s="223" customFormat="1" ht="12.75" customHeight="1">
      <c r="A30" s="232"/>
      <c r="B30" s="783"/>
      <c r="C30" s="781" t="s">
        <v>14</v>
      </c>
      <c r="D30" s="781" t="s">
        <v>15</v>
      </c>
      <c r="E30" s="781"/>
      <c r="F30" s="781"/>
      <c r="G30" s="781"/>
      <c r="H30" s="781"/>
      <c r="I30" s="781"/>
    </row>
    <row r="31" spans="1:9" s="223" customFormat="1" ht="12.65" customHeight="1">
      <c r="A31" s="226"/>
      <c r="B31" s="790"/>
      <c r="C31" s="782"/>
      <c r="D31" s="782"/>
      <c r="E31" s="782"/>
      <c r="F31" s="782"/>
      <c r="G31" s="782"/>
      <c r="H31" s="782"/>
      <c r="I31" s="782"/>
    </row>
    <row r="32" spans="1:9" s="224" customFormat="1" ht="12.75" customHeight="1">
      <c r="A32" s="232"/>
      <c r="B32" s="225" t="s">
        <v>110</v>
      </c>
      <c r="C32" s="734">
        <v>9.4703839999999992</v>
      </c>
      <c r="D32" s="734">
        <v>163461.09335099999</v>
      </c>
      <c r="E32" s="734">
        <v>70.255927999999997</v>
      </c>
      <c r="F32" s="734"/>
      <c r="G32" s="734"/>
      <c r="H32" s="734">
        <v>18.902683690000007</v>
      </c>
      <c r="I32" s="736">
        <v>163400.30780699998</v>
      </c>
    </row>
    <row r="33" spans="1:9" s="224" customFormat="1" ht="12.75" customHeight="1">
      <c r="A33" s="232"/>
      <c r="B33" s="225" t="s">
        <v>111</v>
      </c>
      <c r="C33" s="734">
        <v>758.36900300000002</v>
      </c>
      <c r="D33" s="734">
        <v>132139.21643500001</v>
      </c>
      <c r="E33" s="734">
        <v>802.12046599999996</v>
      </c>
      <c r="F33" s="734"/>
      <c r="G33" s="734">
        <v>1.8411230000000001</v>
      </c>
      <c r="H33" s="734">
        <v>186.08381774999981</v>
      </c>
      <c r="I33" s="736">
        <v>132095.46497200002</v>
      </c>
    </row>
    <row r="34" spans="1:9" s="224" customFormat="1" ht="12.75" customHeight="1">
      <c r="A34" s="232"/>
      <c r="B34" s="225" t="s">
        <v>112</v>
      </c>
      <c r="C34" s="734">
        <v>45.986128999999998</v>
      </c>
      <c r="D34" s="734">
        <v>57524.973231999997</v>
      </c>
      <c r="E34" s="734">
        <v>113.59239100000001</v>
      </c>
      <c r="F34" s="734"/>
      <c r="G34" s="734">
        <v>0.14374999999999999</v>
      </c>
      <c r="H34" s="734">
        <v>73.655551759999938</v>
      </c>
      <c r="I34" s="736">
        <v>57457.366969999995</v>
      </c>
    </row>
    <row r="35" spans="1:9" s="224" customFormat="1" ht="12.75" customHeight="1">
      <c r="A35" s="232"/>
      <c r="B35" s="225" t="s">
        <v>113</v>
      </c>
      <c r="C35" s="734">
        <v>2005.029125</v>
      </c>
      <c r="D35" s="734">
        <v>67228.740495999999</v>
      </c>
      <c r="E35" s="734">
        <v>1115.6319550000001</v>
      </c>
      <c r="F35" s="734"/>
      <c r="G35" s="734"/>
      <c r="H35" s="734">
        <v>436.68901324000012</v>
      </c>
      <c r="I35" s="736">
        <v>68118.137665999995</v>
      </c>
    </row>
    <row r="36" spans="1:9" s="224" customFormat="1" ht="12.75" customHeight="1">
      <c r="A36" s="232"/>
      <c r="B36" s="225" t="s">
        <v>114</v>
      </c>
      <c r="C36" s="734">
        <v>2611.9888190000001</v>
      </c>
      <c r="D36" s="734">
        <v>305950.95266800001</v>
      </c>
      <c r="E36" s="734">
        <v>1759.980937</v>
      </c>
      <c r="F36" s="734"/>
      <c r="G36" s="734">
        <v>1.9124140000000001</v>
      </c>
      <c r="H36" s="734">
        <v>647.69439527999975</v>
      </c>
      <c r="I36" s="736">
        <v>306802.96055000002</v>
      </c>
    </row>
    <row r="37" spans="1:9" s="224" customFormat="1" ht="12.75" customHeight="1">
      <c r="A37" s="232"/>
      <c r="B37" s="225" t="s">
        <v>115</v>
      </c>
      <c r="C37" s="734">
        <v>247.029999</v>
      </c>
      <c r="D37" s="734">
        <v>40593.827718</v>
      </c>
      <c r="E37" s="734">
        <v>153.03902400000001</v>
      </c>
      <c r="F37" s="734"/>
      <c r="G37" s="734">
        <v>70.678359</v>
      </c>
      <c r="H37" s="734">
        <v>57.044881030000028</v>
      </c>
      <c r="I37" s="736">
        <v>40687.818693000001</v>
      </c>
    </row>
    <row r="38" spans="1:9" s="224" customFormat="1" ht="12.75" customHeight="1">
      <c r="A38" s="232"/>
      <c r="B38" s="225" t="s">
        <v>116</v>
      </c>
      <c r="C38" s="734">
        <v>2747.332778</v>
      </c>
      <c r="D38" s="734">
        <v>278561.96329500002</v>
      </c>
      <c r="E38" s="734">
        <v>1532.0488399999999</v>
      </c>
      <c r="F38" s="734"/>
      <c r="G38" s="734">
        <v>9.4308859999999992</v>
      </c>
      <c r="H38" s="734">
        <v>156.18492664999968</v>
      </c>
      <c r="I38" s="736">
        <v>279777.247233</v>
      </c>
    </row>
    <row r="39" spans="1:9" s="224" customFormat="1" ht="12.75" customHeight="1">
      <c r="A39" s="232"/>
      <c r="B39" s="225" t="s">
        <v>117</v>
      </c>
      <c r="C39" s="734">
        <v>141.23183700000001</v>
      </c>
      <c r="D39" s="734">
        <v>33081.535239999997</v>
      </c>
      <c r="E39" s="734">
        <v>86.438794000000001</v>
      </c>
      <c r="F39" s="734"/>
      <c r="G39" s="734">
        <v>1.6392E-2</v>
      </c>
      <c r="H39" s="734">
        <v>22.68960173</v>
      </c>
      <c r="I39" s="736">
        <v>33136.328282999995</v>
      </c>
    </row>
    <row r="40" spans="1:9" s="224" customFormat="1" ht="12.75" customHeight="1">
      <c r="A40" s="232"/>
      <c r="B40" s="225" t="s">
        <v>118</v>
      </c>
      <c r="C40" s="734">
        <v>4658.4846749999997</v>
      </c>
      <c r="D40" s="734">
        <v>52903.830356999999</v>
      </c>
      <c r="E40" s="734">
        <v>2173.4759479999998</v>
      </c>
      <c r="F40" s="734"/>
      <c r="G40" s="734"/>
      <c r="H40" s="734">
        <v>1763.9559884299997</v>
      </c>
      <c r="I40" s="736">
        <v>55388.839083999999</v>
      </c>
    </row>
    <row r="41" spans="1:9" s="224" customFormat="1" ht="12.75" customHeight="1">
      <c r="A41" s="232"/>
      <c r="B41" s="225" t="s">
        <v>119</v>
      </c>
      <c r="C41" s="734">
        <v>229.042891</v>
      </c>
      <c r="D41" s="734">
        <v>107164.647023</v>
      </c>
      <c r="E41" s="734">
        <v>216.54679400000001</v>
      </c>
      <c r="F41" s="734"/>
      <c r="G41" s="734"/>
      <c r="H41" s="734">
        <v>33.386980300000019</v>
      </c>
      <c r="I41" s="736">
        <v>107177.14312000001</v>
      </c>
    </row>
    <row r="42" spans="1:9" s="224" customFormat="1" ht="12.75" customHeight="1">
      <c r="A42" s="232"/>
      <c r="B42" s="225" t="s">
        <v>120</v>
      </c>
      <c r="C42" s="734">
        <v>502.73579899999999</v>
      </c>
      <c r="D42" s="734">
        <v>193611.35045100001</v>
      </c>
      <c r="E42" s="734">
        <v>292.98372599999999</v>
      </c>
      <c r="F42" s="734"/>
      <c r="G42" s="734">
        <v>111.87470399999999</v>
      </c>
      <c r="H42" s="734">
        <v>48.041902779999972</v>
      </c>
      <c r="I42" s="736">
        <v>193821.10252399999</v>
      </c>
    </row>
    <row r="43" spans="1:9" s="224" customFormat="1" ht="12.75" customHeight="1">
      <c r="A43" s="232"/>
      <c r="B43" s="225" t="s">
        <v>121</v>
      </c>
      <c r="C43" s="734">
        <v>36.762222000000001</v>
      </c>
      <c r="D43" s="734">
        <v>133597.52402300001</v>
      </c>
      <c r="E43" s="734">
        <v>67.471603000000002</v>
      </c>
      <c r="F43" s="734"/>
      <c r="G43" s="734"/>
      <c r="H43" s="734">
        <v>48.041902779999972</v>
      </c>
      <c r="I43" s="736">
        <v>133566.81464199998</v>
      </c>
    </row>
    <row r="44" spans="1:9" s="224" customFormat="1" ht="12.75" customHeight="1">
      <c r="A44" s="232"/>
      <c r="B44" s="247" t="s">
        <v>122</v>
      </c>
      <c r="C44" s="734">
        <v>2.9132410000000002</v>
      </c>
      <c r="D44" s="734">
        <v>64214.483456000002</v>
      </c>
      <c r="E44" s="734">
        <v>4.2920619999999996</v>
      </c>
      <c r="F44" s="734"/>
      <c r="G44" s="734"/>
      <c r="H44" s="734">
        <v>1.8517716499999997</v>
      </c>
      <c r="I44" s="736">
        <v>64213.104635000003</v>
      </c>
    </row>
    <row r="45" spans="1:9" s="224" customFormat="1" ht="12.75" customHeight="1">
      <c r="A45" s="232"/>
      <c r="B45" s="225" t="s">
        <v>456</v>
      </c>
      <c r="C45" s="734">
        <v>0.30856499999999998</v>
      </c>
      <c r="D45" s="734">
        <v>559120.98849400005</v>
      </c>
      <c r="E45" s="734">
        <v>6.0858290000000004</v>
      </c>
      <c r="F45" s="734"/>
      <c r="G45" s="734"/>
      <c r="H45" s="734">
        <v>17.775790740000001</v>
      </c>
      <c r="I45" s="736">
        <v>559115.21123000002</v>
      </c>
    </row>
    <row r="46" spans="1:9" s="224" customFormat="1" ht="12.75" customHeight="1">
      <c r="A46" s="232"/>
      <c r="B46" s="247" t="s">
        <v>123</v>
      </c>
      <c r="C46" s="734">
        <v>47.346393999999997</v>
      </c>
      <c r="D46" s="734">
        <v>87738.364417999997</v>
      </c>
      <c r="E46" s="734">
        <v>8.4488629999999993</v>
      </c>
      <c r="F46" s="734"/>
      <c r="G46" s="734"/>
      <c r="H46" s="734">
        <v>1.1949199300000009</v>
      </c>
      <c r="I46" s="736">
        <v>87777.261948999992</v>
      </c>
    </row>
    <row r="47" spans="1:9" s="224" customFormat="1" ht="13">
      <c r="A47" s="232"/>
      <c r="B47" s="225" t="s">
        <v>779</v>
      </c>
      <c r="C47" s="734">
        <v>2227.4811989999998</v>
      </c>
      <c r="D47" s="734">
        <v>658591.72373800003</v>
      </c>
      <c r="E47" s="734">
        <v>1870.8747169999999</v>
      </c>
      <c r="F47" s="734"/>
      <c r="G47" s="734">
        <v>6.6707090000000004</v>
      </c>
      <c r="H47" s="734">
        <v>267.80584449999532</v>
      </c>
      <c r="I47" s="736">
        <v>658948.33022</v>
      </c>
    </row>
    <row r="48" spans="1:9" s="224" customFormat="1" ht="12.75" customHeight="1">
      <c r="A48" s="232"/>
      <c r="B48" s="235" t="s">
        <v>109</v>
      </c>
      <c r="C48" s="737">
        <v>94.242914999999996</v>
      </c>
      <c r="D48" s="737">
        <v>38904.912369999998</v>
      </c>
      <c r="E48" s="737">
        <v>97.065119999999993</v>
      </c>
      <c r="F48" s="737"/>
      <c r="G48" s="737">
        <v>8.3514300000000006</v>
      </c>
      <c r="H48" s="737">
        <v>266.27308447944512</v>
      </c>
      <c r="I48" s="761">
        <v>38902.090165000001</v>
      </c>
    </row>
    <row r="49" spans="1:9" s="224" customFormat="1" ht="12.75" customHeight="1">
      <c r="A49" s="231"/>
      <c r="B49" s="234" t="s">
        <v>13</v>
      </c>
      <c r="C49" s="736">
        <v>16365.755974999998</v>
      </c>
      <c r="D49" s="736">
        <v>2974390.1267649997</v>
      </c>
      <c r="E49" s="736">
        <v>10370.352997</v>
      </c>
      <c r="F49" s="736"/>
      <c r="G49" s="736">
        <v>210.91976699999998</v>
      </c>
      <c r="H49" s="736">
        <v>4047.2730567194399</v>
      </c>
      <c r="I49" s="736">
        <v>2980385.5297429995</v>
      </c>
    </row>
  </sheetData>
  <mergeCells count="18">
    <mergeCell ref="H29:H31"/>
    <mergeCell ref="I29:I31"/>
    <mergeCell ref="C30:C31"/>
    <mergeCell ref="D30:D31"/>
    <mergeCell ref="B29:B31"/>
    <mergeCell ref="C29:D29"/>
    <mergeCell ref="E29:E31"/>
    <mergeCell ref="F29:F31"/>
    <mergeCell ref="G29:G31"/>
    <mergeCell ref="H6:H8"/>
    <mergeCell ref="I6:I8"/>
    <mergeCell ref="C7:C8"/>
    <mergeCell ref="D7:D8"/>
    <mergeCell ref="B6:B8"/>
    <mergeCell ref="C6:D6"/>
    <mergeCell ref="E6:E8"/>
    <mergeCell ref="F6:F8"/>
    <mergeCell ref="G6:G8"/>
  </mergeCells>
  <pageMargins left="0.70866141732283472" right="0.70866141732283472" top="0.74803149606299213" bottom="0.74803149606299213" header="0.31496062992125984" footer="0.31496062992125984"/>
  <pageSetup paperSize="9" scale="65"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29">
    <pageSetUpPr fitToPage="1"/>
  </sheetPr>
  <dimension ref="A1:L43"/>
  <sheetViews>
    <sheetView zoomScaleNormal="100" workbookViewId="0">
      <selection activeCell="B3" sqref="B3"/>
    </sheetView>
  </sheetViews>
  <sheetFormatPr defaultColWidth="9" defaultRowHeight="12.75" customHeight="1"/>
  <cols>
    <col min="1" max="1" width="6.83203125" style="1" customWidth="1"/>
    <col min="2" max="2" width="39.83203125" style="1" bestFit="1" customWidth="1"/>
    <col min="3" max="7" width="16.58203125" style="1" customWidth="1"/>
    <col min="8" max="8" width="20.25" style="1" customWidth="1"/>
    <col min="9" max="9" width="17.33203125" style="5" customWidth="1"/>
    <col min="10" max="16384" width="9" style="1"/>
  </cols>
  <sheetData>
    <row r="1" spans="1:12" s="224" customFormat="1" ht="12.75" customHeight="1">
      <c r="A1" s="652" t="s">
        <v>685</v>
      </c>
      <c r="B1" s="652"/>
      <c r="C1" s="6"/>
    </row>
    <row r="2" spans="1:12" s="224" customFormat="1" ht="12.75" customHeight="1">
      <c r="C2" s="246"/>
      <c r="I2" s="269"/>
    </row>
    <row r="3" spans="1:12" s="224" customFormat="1" ht="12.75" customHeight="1">
      <c r="B3" s="226" t="s">
        <v>239</v>
      </c>
      <c r="C3" s="246"/>
      <c r="D3" s="248"/>
      <c r="E3" s="248"/>
      <c r="F3" s="248"/>
      <c r="G3" s="248"/>
      <c r="H3" s="248"/>
      <c r="I3" s="248"/>
    </row>
    <row r="4" spans="1:12" ht="12.75" customHeight="1">
      <c r="C4" s="248"/>
      <c r="D4" s="248"/>
      <c r="E4" s="248"/>
      <c r="F4" s="248"/>
      <c r="G4" s="248"/>
      <c r="H4" s="248"/>
      <c r="I4" s="248"/>
    </row>
    <row r="5" spans="1:12" s="232" customFormat="1" ht="12.75" customHeight="1">
      <c r="C5" s="232" t="s">
        <v>1</v>
      </c>
      <c r="D5" s="232" t="s">
        <v>2</v>
      </c>
      <c r="E5" s="232" t="s">
        <v>3</v>
      </c>
      <c r="F5" s="232" t="s">
        <v>9</v>
      </c>
      <c r="G5" s="232" t="s">
        <v>10</v>
      </c>
      <c r="H5" s="232" t="s">
        <v>11</v>
      </c>
      <c r="I5" s="232" t="s">
        <v>418</v>
      </c>
    </row>
    <row r="6" spans="1:12" s="223" customFormat="1" ht="12.75" customHeight="1">
      <c r="B6" s="181" t="s">
        <v>12</v>
      </c>
      <c r="C6" s="786" t="s">
        <v>99</v>
      </c>
      <c r="D6" s="786"/>
      <c r="E6" s="786" t="s">
        <v>97</v>
      </c>
      <c r="F6" s="786" t="s">
        <v>96</v>
      </c>
      <c r="G6" s="786" t="s">
        <v>124</v>
      </c>
      <c r="H6" s="786" t="s">
        <v>98</v>
      </c>
      <c r="I6" s="786" t="s">
        <v>424</v>
      </c>
    </row>
    <row r="7" spans="1:12" s="223" customFormat="1" ht="12.75" customHeight="1">
      <c r="A7" s="161"/>
      <c r="B7" s="180"/>
      <c r="C7" s="781" t="s">
        <v>14</v>
      </c>
      <c r="D7" s="791" t="s">
        <v>15</v>
      </c>
      <c r="E7" s="781"/>
      <c r="F7" s="781"/>
      <c r="G7" s="781"/>
      <c r="H7" s="781"/>
      <c r="I7" s="781"/>
    </row>
    <row r="8" spans="1:12" s="223" customFormat="1" ht="12.75" customHeight="1">
      <c r="A8" s="161"/>
      <c r="B8" s="205" t="s">
        <v>689</v>
      </c>
      <c r="C8" s="782"/>
      <c r="D8" s="789"/>
      <c r="E8" s="782"/>
      <c r="F8" s="782"/>
      <c r="G8" s="782"/>
      <c r="H8" s="782"/>
      <c r="I8" s="782"/>
    </row>
    <row r="9" spans="1:12" s="224" customFormat="1" ht="12.75" customHeight="1">
      <c r="A9" s="232"/>
      <c r="B9" s="225" t="s">
        <v>101</v>
      </c>
      <c r="C9" s="236">
        <v>2721.8634900000002</v>
      </c>
      <c r="D9" s="197">
        <v>1529833.9837829999</v>
      </c>
      <c r="E9" s="197">
        <v>2398.76152</v>
      </c>
      <c r="F9" s="225"/>
      <c r="G9" s="236">
        <v>16.728873</v>
      </c>
      <c r="H9" s="236">
        <v>-81.234989389987874</v>
      </c>
      <c r="I9" s="237">
        <v>1530157.0857529999</v>
      </c>
      <c r="J9" s="223"/>
      <c r="K9" s="223"/>
      <c r="L9" s="223"/>
    </row>
    <row r="10" spans="1:12" s="224" customFormat="1" ht="12.75" customHeight="1">
      <c r="A10" s="232"/>
      <c r="B10" s="225" t="s">
        <v>102</v>
      </c>
      <c r="C10" s="236">
        <v>496.386436</v>
      </c>
      <c r="D10" s="236">
        <v>116674.505256</v>
      </c>
      <c r="E10" s="236">
        <v>388.38788</v>
      </c>
      <c r="F10" s="225"/>
      <c r="G10" s="225"/>
      <c r="H10" s="236">
        <v>-20.655813269993587</v>
      </c>
      <c r="I10" s="237">
        <v>116782.50381200001</v>
      </c>
      <c r="J10" s="223"/>
      <c r="K10" s="223"/>
      <c r="L10" s="223"/>
    </row>
    <row r="11" spans="1:12" s="224" customFormat="1" ht="12.75" customHeight="1">
      <c r="A11" s="232"/>
      <c r="B11" s="225" t="s">
        <v>103</v>
      </c>
      <c r="C11" s="236">
        <v>1614.144411</v>
      </c>
      <c r="D11" s="236">
        <v>137266.22345699999</v>
      </c>
      <c r="E11" s="236">
        <v>1331.8804520000001</v>
      </c>
      <c r="F11" s="225"/>
      <c r="G11" s="225"/>
      <c r="H11" s="236">
        <v>187.17889367000035</v>
      </c>
      <c r="I11" s="237">
        <v>137548.48741599996</v>
      </c>
      <c r="J11" s="223"/>
      <c r="K11" s="223"/>
      <c r="L11" s="223"/>
    </row>
    <row r="12" spans="1:12" s="224" customFormat="1" ht="12.75" customHeight="1">
      <c r="A12" s="232"/>
      <c r="B12" s="225" t="s">
        <v>104</v>
      </c>
      <c r="C12" s="236">
        <v>902.56279700000005</v>
      </c>
      <c r="D12" s="236">
        <v>120553.275045</v>
      </c>
      <c r="E12" s="236">
        <v>494.456119</v>
      </c>
      <c r="F12" s="225"/>
      <c r="G12" s="225"/>
      <c r="H12" s="236">
        <v>25.02194522999995</v>
      </c>
      <c r="I12" s="237">
        <v>120961.38172300001</v>
      </c>
      <c r="J12" s="223"/>
      <c r="K12" s="223"/>
      <c r="L12" s="223"/>
    </row>
    <row r="13" spans="1:12" s="224" customFormat="1" ht="12.75" customHeight="1">
      <c r="A13" s="232"/>
      <c r="B13" s="225" t="s">
        <v>105</v>
      </c>
      <c r="C13" s="236">
        <v>413.34524099999999</v>
      </c>
      <c r="D13" s="236">
        <v>74448.610570000004</v>
      </c>
      <c r="E13" s="236">
        <v>313.90678400000002</v>
      </c>
      <c r="F13" s="225"/>
      <c r="G13" s="236">
        <v>1.806616</v>
      </c>
      <c r="H13" s="236">
        <v>35.263222609998834</v>
      </c>
      <c r="I13" s="237">
        <v>74548.049027000001</v>
      </c>
      <c r="J13" s="223"/>
      <c r="K13" s="223"/>
      <c r="L13" s="223"/>
    </row>
    <row r="14" spans="1:12" s="224" customFormat="1" ht="12.75" customHeight="1">
      <c r="A14" s="232"/>
      <c r="B14" s="225" t="s">
        <v>106</v>
      </c>
      <c r="C14" s="236">
        <v>999.12239499999998</v>
      </c>
      <c r="D14" s="236">
        <v>45921.341755000001</v>
      </c>
      <c r="E14" s="236">
        <v>391.01975099999999</v>
      </c>
      <c r="F14" s="225"/>
      <c r="G14" s="236"/>
      <c r="H14" s="236">
        <v>45.82622514999651</v>
      </c>
      <c r="I14" s="237">
        <v>46529.444399</v>
      </c>
      <c r="J14" s="223"/>
      <c r="K14" s="223"/>
      <c r="L14" s="223"/>
    </row>
    <row r="15" spans="1:12" s="224" customFormat="1" ht="12.75" customHeight="1">
      <c r="A15" s="232"/>
      <c r="B15" s="225" t="s">
        <v>107</v>
      </c>
      <c r="C15" s="236">
        <v>1054.4203239999999</v>
      </c>
      <c r="D15" s="236">
        <v>98347.892284999994</v>
      </c>
      <c r="E15" s="236">
        <v>644.37458000000004</v>
      </c>
      <c r="F15" s="225"/>
      <c r="G15" s="236">
        <v>180.82988900000001</v>
      </c>
      <c r="H15" s="236">
        <v>39.535924670005052</v>
      </c>
      <c r="I15" s="237">
        <v>98757.938028999997</v>
      </c>
      <c r="J15" s="223"/>
      <c r="K15" s="223"/>
      <c r="L15" s="223"/>
    </row>
    <row r="16" spans="1:12" s="224" customFormat="1" ht="12.75" customHeight="1">
      <c r="A16" s="232"/>
      <c r="B16" s="225" t="s">
        <v>108</v>
      </c>
      <c r="C16" s="236">
        <v>1643.2348609999999</v>
      </c>
      <c r="D16" s="236">
        <v>275143.60811199999</v>
      </c>
      <c r="E16" s="236">
        <v>1021.21289</v>
      </c>
      <c r="F16" s="225"/>
      <c r="G16" s="236"/>
      <c r="H16" s="236">
        <v>161.50979535999988</v>
      </c>
      <c r="I16" s="237">
        <v>275765.63008299994</v>
      </c>
      <c r="J16" s="223"/>
      <c r="K16" s="223"/>
      <c r="L16" s="223"/>
    </row>
    <row r="17" spans="1:12" s="224" customFormat="1" ht="12.75" customHeight="1">
      <c r="A17" s="232"/>
      <c r="B17" s="225" t="s">
        <v>738</v>
      </c>
      <c r="C17" s="236">
        <v>758.67060400000003</v>
      </c>
      <c r="D17" s="236">
        <v>90991.250276000006</v>
      </c>
      <c r="E17" s="236">
        <v>326.44763899999998</v>
      </c>
      <c r="F17" s="225"/>
      <c r="G17" s="236"/>
      <c r="H17" s="236">
        <v>40.32640235999996</v>
      </c>
      <c r="I17" s="237">
        <v>91423.473241</v>
      </c>
      <c r="J17" s="223"/>
      <c r="K17" s="223"/>
      <c r="L17" s="223"/>
    </row>
    <row r="18" spans="1:12" s="224" customFormat="1" ht="12.75" customHeight="1">
      <c r="A18" s="232"/>
      <c r="B18" s="235" t="s">
        <v>425</v>
      </c>
      <c r="C18" s="762">
        <v>4978.7604469999997</v>
      </c>
      <c r="D18" s="216">
        <v>377309.388744</v>
      </c>
      <c r="E18" s="238">
        <v>2853.921648</v>
      </c>
      <c r="F18" s="235"/>
      <c r="G18" s="238">
        <v>5.1879000000000002E-2</v>
      </c>
      <c r="H18" s="238">
        <v>1431.2061244053612</v>
      </c>
      <c r="I18" s="218">
        <v>379434.22754299996</v>
      </c>
      <c r="J18" s="223"/>
      <c r="K18" s="223"/>
      <c r="L18" s="223"/>
    </row>
    <row r="19" spans="1:12" s="224" customFormat="1" ht="12.75" customHeight="1">
      <c r="A19" s="231"/>
      <c r="B19" s="234" t="s">
        <v>13</v>
      </c>
      <c r="C19" s="294">
        <v>15582.511006000001</v>
      </c>
      <c r="D19" s="294">
        <v>2866490.0792839997</v>
      </c>
      <c r="E19" s="237">
        <v>10164.369264000001</v>
      </c>
      <c r="F19" s="237"/>
      <c r="G19" s="237">
        <v>199.41725700000003</v>
      </c>
      <c r="H19" s="237">
        <v>1863.9777307953805</v>
      </c>
      <c r="I19" s="237">
        <v>2871908.2210259996</v>
      </c>
      <c r="J19" s="223"/>
      <c r="K19" s="223"/>
      <c r="L19" s="223"/>
    </row>
    <row r="20" spans="1:12" s="222" customFormat="1" ht="12.75" customHeight="1">
      <c r="A20" s="224"/>
      <c r="B20" s="224"/>
      <c r="C20" s="224"/>
      <c r="D20" s="224"/>
      <c r="E20" s="224"/>
      <c r="F20" s="224"/>
      <c r="G20" s="224"/>
      <c r="H20" s="224"/>
      <c r="I20" s="224"/>
      <c r="J20" s="224"/>
      <c r="K20" s="763"/>
      <c r="L20" s="224"/>
    </row>
    <row r="21" spans="1:12" s="232" customFormat="1" ht="12.75" customHeight="1">
      <c r="C21" s="232" t="s">
        <v>1</v>
      </c>
      <c r="D21" s="232" t="s">
        <v>2</v>
      </c>
      <c r="E21" s="232" t="s">
        <v>3</v>
      </c>
      <c r="F21" s="232" t="s">
        <v>9</v>
      </c>
      <c r="G21" s="232" t="s">
        <v>10</v>
      </c>
      <c r="H21" s="232" t="s">
        <v>11</v>
      </c>
      <c r="I21" s="232" t="s">
        <v>418</v>
      </c>
      <c r="K21" s="763"/>
    </row>
    <row r="22" spans="1:12" s="223" customFormat="1" ht="12.75" customHeight="1">
      <c r="B22" s="181" t="s">
        <v>12</v>
      </c>
      <c r="C22" s="786" t="s">
        <v>99</v>
      </c>
      <c r="D22" s="786"/>
      <c r="E22" s="786" t="s">
        <v>97</v>
      </c>
      <c r="F22" s="786" t="s">
        <v>96</v>
      </c>
      <c r="G22" s="786" t="s">
        <v>124</v>
      </c>
      <c r="H22" s="786" t="s">
        <v>98</v>
      </c>
      <c r="I22" s="786" t="s">
        <v>424</v>
      </c>
      <c r="K22" s="763"/>
    </row>
    <row r="23" spans="1:12" s="223" customFormat="1" ht="12.75" customHeight="1">
      <c r="A23" s="161"/>
      <c r="B23" s="180"/>
      <c r="C23" s="781" t="s">
        <v>14</v>
      </c>
      <c r="D23" s="781" t="s">
        <v>15</v>
      </c>
      <c r="E23" s="781"/>
      <c r="F23" s="781"/>
      <c r="G23" s="781"/>
      <c r="H23" s="781"/>
      <c r="I23" s="781"/>
      <c r="K23" s="763"/>
    </row>
    <row r="24" spans="1:12" s="223" customFormat="1" ht="12.75" customHeight="1">
      <c r="A24" s="161"/>
      <c r="B24" s="205" t="s">
        <v>694</v>
      </c>
      <c r="C24" s="782"/>
      <c r="D24" s="782"/>
      <c r="E24" s="782"/>
      <c r="F24" s="782"/>
      <c r="G24" s="782"/>
      <c r="H24" s="782"/>
      <c r="I24" s="782"/>
      <c r="K24" s="763"/>
    </row>
    <row r="25" spans="1:12" s="224" customFormat="1" ht="12.75" customHeight="1">
      <c r="A25" s="232"/>
      <c r="B25" s="225" t="s">
        <v>101</v>
      </c>
      <c r="C25" s="734">
        <v>2921.9822939999999</v>
      </c>
      <c r="D25" s="734">
        <v>1501323.759577</v>
      </c>
      <c r="E25" s="734">
        <v>2636.9112420000001</v>
      </c>
      <c r="F25" s="330"/>
      <c r="G25" s="734">
        <v>20.686999</v>
      </c>
      <c r="H25" s="734">
        <v>879.79996571001425</v>
      </c>
      <c r="I25" s="736">
        <v>1501608.830629</v>
      </c>
      <c r="K25" s="763"/>
    </row>
    <row r="26" spans="1:12" s="224" customFormat="1" ht="12.75" customHeight="1">
      <c r="A26" s="232"/>
      <c r="B26" s="225" t="s">
        <v>102</v>
      </c>
      <c r="C26" s="734">
        <v>504.25772699999999</v>
      </c>
      <c r="D26" s="734">
        <v>123060.864539</v>
      </c>
      <c r="E26" s="734">
        <v>439.95698700000003</v>
      </c>
      <c r="F26" s="330"/>
      <c r="G26" s="330"/>
      <c r="H26" s="734">
        <v>112.25048274999975</v>
      </c>
      <c r="I26" s="736">
        <v>123125.16527900001</v>
      </c>
      <c r="K26" s="763"/>
    </row>
    <row r="27" spans="1:12" s="224" customFormat="1" ht="12.75" customHeight="1">
      <c r="A27" s="232"/>
      <c r="B27" s="225" t="s">
        <v>103</v>
      </c>
      <c r="C27" s="734">
        <v>2688.79106</v>
      </c>
      <c r="D27" s="734">
        <v>143538.41847199999</v>
      </c>
      <c r="E27" s="734">
        <v>1854.2183769999999</v>
      </c>
      <c r="F27" s="330"/>
      <c r="G27" s="330"/>
      <c r="H27" s="734">
        <v>1119.4729165599995</v>
      </c>
      <c r="I27" s="736">
        <v>144372.99115499997</v>
      </c>
      <c r="K27" s="763"/>
    </row>
    <row r="28" spans="1:12" s="224" customFormat="1" ht="12.75" customHeight="1">
      <c r="A28" s="232"/>
      <c r="B28" s="225" t="s">
        <v>104</v>
      </c>
      <c r="C28" s="734">
        <v>838.72283000000004</v>
      </c>
      <c r="D28" s="734">
        <v>119640.322806</v>
      </c>
      <c r="E28" s="734">
        <v>477.19727699999999</v>
      </c>
      <c r="F28" s="330"/>
      <c r="G28" s="330"/>
      <c r="H28" s="734">
        <v>213.59279826000008</v>
      </c>
      <c r="I28" s="736">
        <v>120001.848359</v>
      </c>
      <c r="K28" s="763"/>
    </row>
    <row r="29" spans="1:12" s="224" customFormat="1" ht="12.75" customHeight="1">
      <c r="A29" s="232"/>
      <c r="B29" s="225" t="s">
        <v>105</v>
      </c>
      <c r="C29" s="734">
        <v>476.94298800000001</v>
      </c>
      <c r="D29" s="734">
        <v>78291.182996999996</v>
      </c>
      <c r="E29" s="734">
        <v>294.034514</v>
      </c>
      <c r="F29" s="330"/>
      <c r="G29" s="734">
        <v>1.8804190000000001</v>
      </c>
      <c r="H29" s="734">
        <v>92.188194089999257</v>
      </c>
      <c r="I29" s="736">
        <v>78474.091470999992</v>
      </c>
      <c r="K29" s="763"/>
    </row>
    <row r="30" spans="1:12" s="224" customFormat="1" ht="12.75" customHeight="1">
      <c r="A30" s="232"/>
      <c r="B30" s="225" t="s">
        <v>106</v>
      </c>
      <c r="C30" s="734">
        <v>1008.567668</v>
      </c>
      <c r="D30" s="734">
        <v>46154.548652999998</v>
      </c>
      <c r="E30" s="734">
        <v>394.251058</v>
      </c>
      <c r="F30" s="330"/>
      <c r="G30" s="734"/>
      <c r="H30" s="734">
        <v>107.15220722000346</v>
      </c>
      <c r="I30" s="736">
        <v>46768.865263</v>
      </c>
      <c r="K30" s="763"/>
    </row>
    <row r="31" spans="1:12" s="224" customFormat="1" ht="12.75" customHeight="1">
      <c r="A31" s="232"/>
      <c r="B31" s="225" t="s">
        <v>107</v>
      </c>
      <c r="C31" s="734">
        <v>1143.685741</v>
      </c>
      <c r="D31" s="734">
        <v>99346.225326</v>
      </c>
      <c r="E31" s="734">
        <v>654.55645500000003</v>
      </c>
      <c r="F31" s="330"/>
      <c r="G31" s="734">
        <v>188.30047200000001</v>
      </c>
      <c r="H31" s="734">
        <v>93.873133309997016</v>
      </c>
      <c r="I31" s="736">
        <v>99835.354611999996</v>
      </c>
      <c r="K31" s="763"/>
    </row>
    <row r="32" spans="1:12" s="224" customFormat="1" ht="12.75" customHeight="1">
      <c r="A32" s="232"/>
      <c r="B32" s="225" t="s">
        <v>108</v>
      </c>
      <c r="C32" s="734">
        <v>1765.7407519999999</v>
      </c>
      <c r="D32" s="734">
        <v>299076.783085</v>
      </c>
      <c r="E32" s="734">
        <v>962.20931199999995</v>
      </c>
      <c r="F32" s="330"/>
      <c r="G32" s="734"/>
      <c r="H32" s="734">
        <v>86.194103150000046</v>
      </c>
      <c r="I32" s="736">
        <v>299880.31452499999</v>
      </c>
      <c r="K32" s="763"/>
    </row>
    <row r="33" spans="1:11" s="224" customFormat="1" ht="12.75" customHeight="1">
      <c r="A33" s="232"/>
      <c r="B33" s="225" t="s">
        <v>738</v>
      </c>
      <c r="C33" s="734">
        <v>493.48529200000002</v>
      </c>
      <c r="D33" s="734">
        <v>73347.646231999999</v>
      </c>
      <c r="E33" s="734">
        <v>328.853703</v>
      </c>
      <c r="F33" s="330"/>
      <c r="G33" s="734"/>
      <c r="H33" s="734">
        <v>260.09585389</v>
      </c>
      <c r="I33" s="736">
        <v>73512.277820999996</v>
      </c>
      <c r="K33" s="763"/>
    </row>
    <row r="34" spans="1:11" s="224" customFormat="1" ht="12.75" customHeight="1">
      <c r="A34" s="232"/>
      <c r="B34" s="235" t="s">
        <v>425</v>
      </c>
      <c r="C34" s="737">
        <v>4523.5796300000002</v>
      </c>
      <c r="D34" s="737">
        <v>490610.37508199998</v>
      </c>
      <c r="E34" s="737">
        <v>2328.1640769999999</v>
      </c>
      <c r="F34" s="754"/>
      <c r="G34" s="737">
        <v>5.1879000000000002E-2</v>
      </c>
      <c r="H34" s="737">
        <v>1082.6534017794268</v>
      </c>
      <c r="I34" s="761">
        <v>492805.79063499998</v>
      </c>
      <c r="K34" s="763"/>
    </row>
    <row r="35" spans="1:11" s="224" customFormat="1" ht="12.75" customHeight="1">
      <c r="A35" s="231"/>
      <c r="B35" s="234" t="s">
        <v>13</v>
      </c>
      <c r="C35" s="736">
        <v>16365.755982999999</v>
      </c>
      <c r="D35" s="736">
        <v>2974390.1267710002</v>
      </c>
      <c r="E35" s="736">
        <v>10370.353002</v>
      </c>
      <c r="F35" s="736"/>
      <c r="G35" s="736">
        <v>210.91976900000003</v>
      </c>
      <c r="H35" s="736">
        <v>4047.2730567194399</v>
      </c>
      <c r="I35" s="736">
        <v>2980385.5297520002</v>
      </c>
      <c r="K35" s="763"/>
    </row>
    <row r="36" spans="1:11" ht="12.75" customHeight="1">
      <c r="B36" s="224"/>
      <c r="C36" s="224"/>
      <c r="D36" s="224"/>
      <c r="E36" s="224"/>
      <c r="F36" s="224"/>
      <c r="G36" s="224"/>
      <c r="H36" s="224"/>
      <c r="I36" s="224"/>
      <c r="K36" s="763"/>
    </row>
    <row r="37" spans="1:11" ht="12.75" customHeight="1">
      <c r="B37" s="224"/>
      <c r="C37" s="248"/>
      <c r="D37" s="248"/>
      <c r="E37" s="248"/>
      <c r="F37" s="248"/>
      <c r="G37" s="248"/>
      <c r="H37" s="248"/>
      <c r="I37" s="248"/>
    </row>
    <row r="38" spans="1:11" ht="12.75" customHeight="1">
      <c r="B38" s="224"/>
      <c r="C38" s="224"/>
      <c r="D38" s="224"/>
      <c r="E38" s="224"/>
      <c r="F38" s="224"/>
      <c r="G38" s="224"/>
      <c r="H38" s="224"/>
      <c r="I38" s="224"/>
    </row>
    <row r="39" spans="1:11" ht="12.75" customHeight="1">
      <c r="B39" s="224"/>
      <c r="C39" s="224"/>
      <c r="D39" s="224"/>
      <c r="E39" s="224"/>
      <c r="F39" s="224"/>
      <c r="G39" s="224"/>
      <c r="H39" s="224"/>
      <c r="I39" s="224"/>
    </row>
    <row r="40" spans="1:11" ht="12.75" customHeight="1">
      <c r="B40" s="224"/>
      <c r="C40" s="224"/>
      <c r="D40" s="224"/>
      <c r="E40" s="224"/>
      <c r="F40" s="224"/>
      <c r="G40" s="224"/>
      <c r="H40" s="224"/>
      <c r="I40" s="224"/>
    </row>
    <row r="41" spans="1:11" ht="12.75" customHeight="1">
      <c r="B41" s="224"/>
      <c r="C41" s="224"/>
      <c r="D41" s="224"/>
      <c r="E41" s="224"/>
      <c r="F41" s="224"/>
      <c r="G41" s="224"/>
      <c r="H41" s="224"/>
      <c r="I41" s="224"/>
    </row>
    <row r="42" spans="1:11" ht="12.75" customHeight="1">
      <c r="B42" s="224"/>
      <c r="C42" s="224"/>
      <c r="D42" s="224"/>
      <c r="E42" s="224"/>
      <c r="F42" s="224"/>
      <c r="G42" s="224"/>
      <c r="H42" s="224"/>
      <c r="I42" s="224"/>
    </row>
    <row r="43" spans="1:11" ht="12.75" customHeight="1">
      <c r="B43" s="224"/>
      <c r="C43" s="224"/>
      <c r="D43" s="224"/>
      <c r="E43" s="224"/>
      <c r="F43" s="224"/>
      <c r="G43" s="224"/>
      <c r="H43" s="224"/>
      <c r="I43" s="224"/>
    </row>
  </sheetData>
  <mergeCells count="16">
    <mergeCell ref="I22:I24"/>
    <mergeCell ref="C23:C24"/>
    <mergeCell ref="D23:D24"/>
    <mergeCell ref="C22:D22"/>
    <mergeCell ref="E22:E24"/>
    <mergeCell ref="F22:F24"/>
    <mergeCell ref="G22:G24"/>
    <mergeCell ref="H22:H24"/>
    <mergeCell ref="I6:I8"/>
    <mergeCell ref="C7:C8"/>
    <mergeCell ref="D7:D8"/>
    <mergeCell ref="C6:D6"/>
    <mergeCell ref="E6:E8"/>
    <mergeCell ref="F6:F8"/>
    <mergeCell ref="G6:G8"/>
    <mergeCell ref="H6:H8"/>
  </mergeCells>
  <pageMargins left="0.70866141732283472" right="0.70866141732283472" top="0.74803149606299213" bottom="0.74803149606299213" header="0.31496062992125984" footer="0.31496062992125984"/>
  <pageSetup paperSize="9" scale="73"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F4C4EBC-B1AA-4FDB-B80A-BEFD16280DE4}">
  <sheetPr codeName="Sheet17"/>
  <dimension ref="A1:V19"/>
  <sheetViews>
    <sheetView zoomScaleNormal="100" workbookViewId="0">
      <selection activeCell="B3" sqref="B3"/>
    </sheetView>
  </sheetViews>
  <sheetFormatPr defaultColWidth="9" defaultRowHeight="13"/>
  <cols>
    <col min="1" max="1" width="9" style="341"/>
    <col min="2" max="2" width="3.58203125" style="341" customWidth="1"/>
    <col min="3" max="3" width="23.75" style="341" customWidth="1"/>
    <col min="4" max="4" width="10.25" style="341" customWidth="1"/>
    <col min="5" max="7" width="9" style="341"/>
    <col min="8" max="8" width="11" style="341" customWidth="1"/>
    <col min="9" max="9" width="8.83203125" style="341" customWidth="1"/>
    <col min="10" max="10" width="9.33203125" style="341" customWidth="1"/>
    <col min="11" max="11" width="16.25" style="341" customWidth="1"/>
    <col min="12" max="12" width="9" style="341"/>
    <col min="13" max="13" width="3.58203125" style="341" customWidth="1"/>
    <col min="14" max="14" width="23.75" style="341" customWidth="1"/>
    <col min="15" max="15" width="9.6640625" style="341" customWidth="1"/>
    <col min="16" max="21" width="9" style="341"/>
    <col min="22" max="22" width="16.25" style="341" customWidth="1"/>
    <col min="23" max="16384" width="9" style="341"/>
  </cols>
  <sheetData>
    <row r="1" spans="1:22" s="345" customFormat="1">
      <c r="A1" s="652" t="s">
        <v>685</v>
      </c>
      <c r="B1" s="652"/>
      <c r="C1" s="6"/>
    </row>
    <row r="3" spans="1:22">
      <c r="B3" s="342" t="s">
        <v>613</v>
      </c>
    </row>
    <row r="4" spans="1:22">
      <c r="B4" s="343"/>
      <c r="C4" s="344"/>
      <c r="D4" s="344"/>
      <c r="E4" s="344"/>
      <c r="F4" s="344"/>
      <c r="G4" s="344"/>
      <c r="H4" s="344"/>
      <c r="I4" s="344"/>
      <c r="J4" s="344"/>
      <c r="K4" s="344"/>
      <c r="L4" s="344"/>
      <c r="M4" s="345"/>
      <c r="N4" s="345"/>
    </row>
    <row r="5" spans="1:22">
      <c r="B5" s="346"/>
      <c r="C5" s="346"/>
      <c r="D5" s="347" t="s">
        <v>1</v>
      </c>
      <c r="E5" s="347" t="s">
        <v>2</v>
      </c>
      <c r="F5" s="347" t="s">
        <v>3</v>
      </c>
      <c r="G5" s="347" t="s">
        <v>9</v>
      </c>
      <c r="H5" s="347" t="s">
        <v>10</v>
      </c>
      <c r="I5" s="347" t="s">
        <v>11</v>
      </c>
      <c r="J5" s="347" t="s">
        <v>418</v>
      </c>
      <c r="K5" s="347" t="s">
        <v>419</v>
      </c>
      <c r="L5" s="344"/>
      <c r="M5" s="346"/>
      <c r="N5" s="346"/>
      <c r="O5" s="347" t="s">
        <v>1</v>
      </c>
      <c r="P5" s="347" t="s">
        <v>2</v>
      </c>
      <c r="Q5" s="347" t="s">
        <v>3</v>
      </c>
      <c r="R5" s="347" t="s">
        <v>9</v>
      </c>
      <c r="S5" s="347" t="s">
        <v>10</v>
      </c>
      <c r="T5" s="347" t="s">
        <v>11</v>
      </c>
      <c r="U5" s="347" t="s">
        <v>418</v>
      </c>
      <c r="V5" s="347" t="s">
        <v>419</v>
      </c>
    </row>
    <row r="6" spans="1:22" ht="87.75" customHeight="1">
      <c r="B6" s="794" t="s">
        <v>12</v>
      </c>
      <c r="C6" s="795"/>
      <c r="D6" s="796" t="s">
        <v>564</v>
      </c>
      <c r="E6" s="797"/>
      <c r="F6" s="797"/>
      <c r="G6" s="798"/>
      <c r="H6" s="796" t="s">
        <v>565</v>
      </c>
      <c r="I6" s="797"/>
      <c r="J6" s="799" t="s">
        <v>566</v>
      </c>
      <c r="K6" s="800"/>
      <c r="L6" s="344"/>
      <c r="M6" s="794" t="s">
        <v>12</v>
      </c>
      <c r="N6" s="795"/>
      <c r="O6" s="796" t="s">
        <v>564</v>
      </c>
      <c r="P6" s="797"/>
      <c r="Q6" s="797"/>
      <c r="R6" s="798"/>
      <c r="S6" s="796" t="s">
        <v>565</v>
      </c>
      <c r="T6" s="797"/>
      <c r="U6" s="799" t="s">
        <v>566</v>
      </c>
      <c r="V6" s="800"/>
    </row>
    <row r="7" spans="1:22" ht="104.25" customHeight="1">
      <c r="B7" s="801" t="s">
        <v>689</v>
      </c>
      <c r="C7" s="802"/>
      <c r="D7" s="799" t="s">
        <v>567</v>
      </c>
      <c r="E7" s="799" t="s">
        <v>568</v>
      </c>
      <c r="F7" s="806"/>
      <c r="G7" s="800"/>
      <c r="H7" s="807" t="s">
        <v>569</v>
      </c>
      <c r="I7" s="799" t="s">
        <v>570</v>
      </c>
      <c r="J7" s="809"/>
      <c r="K7" s="807" t="s">
        <v>571</v>
      </c>
      <c r="L7" s="344"/>
      <c r="M7" s="801" t="s">
        <v>687</v>
      </c>
      <c r="N7" s="802"/>
      <c r="O7" s="799" t="s">
        <v>567</v>
      </c>
      <c r="P7" s="799" t="s">
        <v>568</v>
      </c>
      <c r="Q7" s="806"/>
      <c r="R7" s="800"/>
      <c r="S7" s="807" t="s">
        <v>569</v>
      </c>
      <c r="T7" s="799" t="s">
        <v>570</v>
      </c>
      <c r="U7" s="809"/>
      <c r="V7" s="807" t="s">
        <v>571</v>
      </c>
    </row>
    <row r="8" spans="1:22" ht="37.5" customHeight="1">
      <c r="B8" s="803"/>
      <c r="C8" s="804"/>
      <c r="D8" s="805"/>
      <c r="E8" s="348"/>
      <c r="F8" s="349" t="s">
        <v>16</v>
      </c>
      <c r="G8" s="349" t="s">
        <v>474</v>
      </c>
      <c r="H8" s="808"/>
      <c r="I8" s="805"/>
      <c r="J8" s="805"/>
      <c r="K8" s="808"/>
      <c r="L8" s="344"/>
      <c r="M8" s="803"/>
      <c r="N8" s="804"/>
      <c r="O8" s="805"/>
      <c r="P8" s="429"/>
      <c r="Q8" s="349" t="s">
        <v>16</v>
      </c>
      <c r="R8" s="349" t="s">
        <v>474</v>
      </c>
      <c r="S8" s="808"/>
      <c r="T8" s="805"/>
      <c r="U8" s="805"/>
      <c r="V8" s="808"/>
    </row>
    <row r="9" spans="1:22">
      <c r="B9" s="350">
        <v>1</v>
      </c>
      <c r="C9" s="350" t="s">
        <v>470</v>
      </c>
      <c r="D9" s="723">
        <v>1923.8492032562499</v>
      </c>
      <c r="E9" s="723">
        <v>11380.943396337349</v>
      </c>
      <c r="F9" s="723">
        <v>10255.072573681698</v>
      </c>
      <c r="G9" s="724">
        <v>10248.946487704399</v>
      </c>
      <c r="H9" s="724">
        <v>89.812458418092007</v>
      </c>
      <c r="I9" s="724">
        <v>5478.2217652973004</v>
      </c>
      <c r="J9" s="724">
        <v>7400.3578387330017</v>
      </c>
      <c r="K9" s="724">
        <v>6288.4063935783852</v>
      </c>
      <c r="L9" s="344"/>
      <c r="M9" s="350">
        <v>1</v>
      </c>
      <c r="N9" s="350" t="s">
        <v>470</v>
      </c>
      <c r="O9" s="467">
        <v>4487.9457910410802</v>
      </c>
      <c r="P9" s="467">
        <v>10857.202130473681</v>
      </c>
      <c r="Q9" s="467">
        <v>10430.151798413301</v>
      </c>
      <c r="R9" s="468">
        <v>9840.7098417853194</v>
      </c>
      <c r="S9" s="468">
        <v>495.24788721649497</v>
      </c>
      <c r="T9" s="468">
        <v>4455.188962989746</v>
      </c>
      <c r="U9" s="468">
        <v>9117.7164767003815</v>
      </c>
      <c r="V9" s="468">
        <v>5696.7870600890501</v>
      </c>
    </row>
    <row r="10" spans="1:22">
      <c r="B10" s="338">
        <v>2</v>
      </c>
      <c r="C10" s="338" t="s">
        <v>572</v>
      </c>
      <c r="D10" s="768"/>
      <c r="E10" s="768"/>
      <c r="F10" s="768"/>
      <c r="G10" s="768"/>
      <c r="H10" s="768"/>
      <c r="I10" s="768"/>
      <c r="J10" s="769"/>
      <c r="K10" s="769"/>
      <c r="L10" s="344"/>
      <c r="M10" s="338">
        <v>2</v>
      </c>
      <c r="N10" s="338" t="s">
        <v>572</v>
      </c>
      <c r="O10" s="766"/>
      <c r="P10" s="766"/>
      <c r="Q10" s="766"/>
      <c r="R10" s="766"/>
      <c r="S10" s="766"/>
      <c r="T10" s="766"/>
      <c r="U10" s="767"/>
      <c r="V10" s="767"/>
    </row>
    <row r="11" spans="1:22">
      <c r="B11" s="338">
        <v>3</v>
      </c>
      <c r="C11" s="338" t="s">
        <v>573</v>
      </c>
      <c r="D11" s="768">
        <v>0.52855720177199994</v>
      </c>
      <c r="E11" s="768"/>
      <c r="F11" s="768"/>
      <c r="G11" s="768"/>
      <c r="H11" s="768">
        <v>2.0738193019999998E-3</v>
      </c>
      <c r="I11" s="768"/>
      <c r="J11" s="769"/>
      <c r="K11" s="769"/>
      <c r="L11" s="344"/>
      <c r="M11" s="338">
        <v>3</v>
      </c>
      <c r="N11" s="338" t="s">
        <v>573</v>
      </c>
      <c r="O11" s="766">
        <v>0.88271587886799996</v>
      </c>
      <c r="P11" s="766"/>
      <c r="Q11" s="766"/>
      <c r="R11" s="766"/>
      <c r="S11" s="766">
        <v>4.4977560829999996E-3</v>
      </c>
      <c r="T11" s="766"/>
      <c r="U11" s="767"/>
      <c r="V11" s="767"/>
    </row>
    <row r="12" spans="1:22">
      <c r="B12" s="338">
        <v>4</v>
      </c>
      <c r="C12" s="338" t="s">
        <v>574</v>
      </c>
      <c r="D12" s="768"/>
      <c r="E12" s="768"/>
      <c r="F12" s="768"/>
      <c r="G12" s="768"/>
      <c r="H12" s="768"/>
      <c r="I12" s="768"/>
      <c r="J12" s="769"/>
      <c r="K12" s="769"/>
      <c r="L12" s="344"/>
      <c r="M12" s="338">
        <v>4</v>
      </c>
      <c r="N12" s="338" t="s">
        <v>574</v>
      </c>
      <c r="O12" s="766"/>
      <c r="P12" s="766"/>
      <c r="Q12" s="766"/>
      <c r="R12" s="766"/>
      <c r="S12" s="766"/>
      <c r="T12" s="766"/>
      <c r="U12" s="767"/>
      <c r="V12" s="767"/>
    </row>
    <row r="13" spans="1:22">
      <c r="B13" s="338">
        <v>5</v>
      </c>
      <c r="C13" s="338" t="s">
        <v>575</v>
      </c>
      <c r="D13" s="768">
        <v>78.98874099999999</v>
      </c>
      <c r="E13" s="768">
        <v>454.73447599999997</v>
      </c>
      <c r="F13" s="768">
        <v>405.74699800000002</v>
      </c>
      <c r="G13" s="768">
        <v>405.74699800000002</v>
      </c>
      <c r="H13" s="768">
        <v>0.62660199999999999</v>
      </c>
      <c r="I13" s="768">
        <v>210.46804900000001</v>
      </c>
      <c r="J13" s="769"/>
      <c r="K13" s="769"/>
      <c r="L13" s="344"/>
      <c r="M13" s="338">
        <v>5</v>
      </c>
      <c r="N13" s="338" t="s">
        <v>575</v>
      </c>
      <c r="O13" s="766">
        <v>82.210970000000003</v>
      </c>
      <c r="P13" s="766">
        <v>477.24241000000001</v>
      </c>
      <c r="Q13" s="766">
        <v>426.25656099999998</v>
      </c>
      <c r="R13" s="766">
        <v>426.25656099999998</v>
      </c>
      <c r="S13" s="766">
        <v>0.98328099999999996</v>
      </c>
      <c r="T13" s="766">
        <v>127.63629800000001</v>
      </c>
      <c r="U13" s="767"/>
      <c r="V13" s="767"/>
    </row>
    <row r="14" spans="1:22">
      <c r="B14" s="338">
        <v>6</v>
      </c>
      <c r="C14" s="338" t="s">
        <v>576</v>
      </c>
      <c r="D14" s="768">
        <v>1346.108516676024</v>
      </c>
      <c r="E14" s="768">
        <v>10520.19960932094</v>
      </c>
      <c r="F14" s="768">
        <v>9546.1654552050404</v>
      </c>
      <c r="G14" s="768">
        <v>9540.7694335018987</v>
      </c>
      <c r="H14" s="768">
        <v>75.015419538567002</v>
      </c>
      <c r="I14" s="768">
        <v>5127.9615402033996</v>
      </c>
      <c r="J14" s="769">
        <v>6714.3096098483138</v>
      </c>
      <c r="K14" s="769">
        <v>6044.735953442424</v>
      </c>
      <c r="L14" s="344"/>
      <c r="M14" s="338">
        <v>6</v>
      </c>
      <c r="N14" s="338" t="s">
        <v>576</v>
      </c>
      <c r="O14" s="766">
        <v>3930.60977446572</v>
      </c>
      <c r="P14" s="766">
        <v>9898.6915045727201</v>
      </c>
      <c r="Q14" s="766">
        <v>9639.5934429733898</v>
      </c>
      <c r="R14" s="766">
        <v>9012.2404778289601</v>
      </c>
      <c r="S14" s="766">
        <v>484.71589406114896</v>
      </c>
      <c r="T14" s="766">
        <v>4127.1711116434853</v>
      </c>
      <c r="U14" s="767">
        <v>8450.0511377180537</v>
      </c>
      <c r="V14" s="767">
        <v>5446.9502173139945</v>
      </c>
    </row>
    <row r="15" spans="1:22">
      <c r="B15" s="338">
        <v>7</v>
      </c>
      <c r="C15" s="338" t="s">
        <v>577</v>
      </c>
      <c r="D15" s="768">
        <v>498.22338837845899</v>
      </c>
      <c r="E15" s="768">
        <v>406.009311016411</v>
      </c>
      <c r="F15" s="768">
        <v>303.16012047665799</v>
      </c>
      <c r="G15" s="768">
        <v>302.430056202505</v>
      </c>
      <c r="H15" s="768">
        <v>14.168363060223999</v>
      </c>
      <c r="I15" s="768">
        <v>139.79217609389602</v>
      </c>
      <c r="J15" s="769">
        <v>686.048228884693</v>
      </c>
      <c r="K15" s="769">
        <v>243.67044013596998</v>
      </c>
      <c r="L15" s="344"/>
      <c r="M15" s="338">
        <v>7</v>
      </c>
      <c r="N15" s="338" t="s">
        <v>577</v>
      </c>
      <c r="O15" s="766">
        <v>474.24233069649097</v>
      </c>
      <c r="P15" s="766">
        <v>481.26821590096898</v>
      </c>
      <c r="Q15" s="766">
        <v>364.30179443986702</v>
      </c>
      <c r="R15" s="766">
        <v>402.21280295637098</v>
      </c>
      <c r="S15" s="766">
        <v>9.5442143992630015</v>
      </c>
      <c r="T15" s="766">
        <v>200.38155334626401</v>
      </c>
      <c r="U15" s="767">
        <v>667.66533898232694</v>
      </c>
      <c r="V15" s="767">
        <v>249.83684277505603</v>
      </c>
    </row>
    <row r="16" spans="1:22">
      <c r="B16" s="350">
        <v>8</v>
      </c>
      <c r="C16" s="350" t="s">
        <v>578</v>
      </c>
      <c r="D16" s="723"/>
      <c r="E16" s="723"/>
      <c r="F16" s="723"/>
      <c r="G16" s="723"/>
      <c r="H16" s="723"/>
      <c r="I16" s="723"/>
      <c r="J16" s="724"/>
      <c r="K16" s="724"/>
      <c r="L16" s="344"/>
      <c r="M16" s="350">
        <v>8</v>
      </c>
      <c r="N16" s="350" t="s">
        <v>578</v>
      </c>
      <c r="O16" s="467"/>
      <c r="P16" s="467"/>
      <c r="Q16" s="467"/>
      <c r="R16" s="467"/>
      <c r="S16" s="467"/>
      <c r="T16" s="467"/>
      <c r="U16" s="468"/>
      <c r="V16" s="468"/>
    </row>
    <row r="17" spans="2:22">
      <c r="B17" s="351">
        <v>9</v>
      </c>
      <c r="C17" s="351" t="s">
        <v>579</v>
      </c>
      <c r="D17" s="725">
        <v>124.71751514428399</v>
      </c>
      <c r="E17" s="725">
        <v>154.536126491945</v>
      </c>
      <c r="F17" s="725">
        <v>154.532123678744</v>
      </c>
      <c r="G17" s="726">
        <v>154.532123678744</v>
      </c>
      <c r="H17" s="726">
        <v>2.423999393406</v>
      </c>
      <c r="I17" s="726">
        <v>26.071007642834999</v>
      </c>
      <c r="J17" s="726">
        <v>69.379031350494998</v>
      </c>
      <c r="K17" s="726">
        <v>69.093805766638994</v>
      </c>
      <c r="L17" s="344"/>
      <c r="M17" s="351">
        <v>9</v>
      </c>
      <c r="N17" s="351" t="s">
        <v>579</v>
      </c>
      <c r="O17" s="469">
        <v>143.01725916475101</v>
      </c>
      <c r="P17" s="469">
        <v>12.365977120087001</v>
      </c>
      <c r="Q17" s="469">
        <v>12.361810786425</v>
      </c>
      <c r="R17" s="470">
        <v>12.361810786425</v>
      </c>
      <c r="S17" s="470">
        <v>15.481010417203999</v>
      </c>
      <c r="T17" s="470">
        <v>12.094391790650999</v>
      </c>
      <c r="U17" s="470">
        <v>-11.737844745587001</v>
      </c>
      <c r="V17" s="470">
        <v>-12.365673543011001</v>
      </c>
    </row>
    <row r="18" spans="2:22">
      <c r="B18" s="352">
        <v>10</v>
      </c>
      <c r="C18" s="353" t="s">
        <v>13</v>
      </c>
      <c r="D18" s="339">
        <v>2048.5667184005338</v>
      </c>
      <c r="E18" s="339">
        <v>11535.479522829293</v>
      </c>
      <c r="F18" s="339">
        <v>10409.604697360443</v>
      </c>
      <c r="G18" s="339">
        <v>10403.478611383143</v>
      </c>
      <c r="H18" s="339">
        <v>92.236457811498013</v>
      </c>
      <c r="I18" s="339">
        <v>5504.2927729401354</v>
      </c>
      <c r="J18" s="339">
        <v>7469.7368700834968</v>
      </c>
      <c r="K18" s="339">
        <v>6357.5001993450242</v>
      </c>
      <c r="L18" s="344"/>
      <c r="M18" s="352">
        <v>10</v>
      </c>
      <c r="N18" s="353" t="s">
        <v>13</v>
      </c>
      <c r="O18" s="471">
        <v>4630.9630502058308</v>
      </c>
      <c r="P18" s="471">
        <v>10869.568107593768</v>
      </c>
      <c r="Q18" s="471">
        <v>10442.513609199726</v>
      </c>
      <c r="R18" s="471">
        <v>9853.0716525717453</v>
      </c>
      <c r="S18" s="471">
        <v>510.72889763369898</v>
      </c>
      <c r="T18" s="471">
        <v>4467.2833547803966</v>
      </c>
      <c r="U18" s="471">
        <v>9105.9786319547948</v>
      </c>
      <c r="V18" s="471">
        <v>5684.4213865460388</v>
      </c>
    </row>
    <row r="19" spans="2:22">
      <c r="B19" s="343"/>
      <c r="C19" s="344"/>
      <c r="D19" s="344"/>
      <c r="E19" s="344"/>
      <c r="F19" s="344"/>
      <c r="G19" s="344"/>
      <c r="H19" s="344"/>
      <c r="I19" s="344"/>
      <c r="J19" s="344"/>
      <c r="K19" s="344"/>
      <c r="L19" s="344"/>
      <c r="M19" s="345"/>
      <c r="N19" s="345"/>
    </row>
  </sheetData>
  <mergeCells count="22">
    <mergeCell ref="B6:C6"/>
    <mergeCell ref="D6:G6"/>
    <mergeCell ref="H6:I6"/>
    <mergeCell ref="J6:K6"/>
    <mergeCell ref="D7:D8"/>
    <mergeCell ref="E7:G7"/>
    <mergeCell ref="H7:H8"/>
    <mergeCell ref="I7:I8"/>
    <mergeCell ref="K7:K8"/>
    <mergeCell ref="J7:J8"/>
    <mergeCell ref="B7:C8"/>
    <mergeCell ref="M6:N6"/>
    <mergeCell ref="O6:R6"/>
    <mergeCell ref="S6:T6"/>
    <mergeCell ref="U6:V6"/>
    <mergeCell ref="M7:N8"/>
    <mergeCell ref="O7:O8"/>
    <mergeCell ref="P7:R7"/>
    <mergeCell ref="S7:S8"/>
    <mergeCell ref="T7:T8"/>
    <mergeCell ref="U7:U8"/>
    <mergeCell ref="V7:V8"/>
  </mergeCells>
  <pageMargins left="0.7" right="0.7" top="0.75" bottom="0.75" header="0.3" footer="0.3"/>
  <pageSetup paperSize="9" scale="69" orientation="portrait" r:id="rId1"/>
  <colBreaks count="1" manualBreakCount="1">
    <brk id="11" max="17"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AB7E99B-EF6A-46AE-A7FC-CA33DE6D9288}">
  <sheetPr codeName="Sheet18"/>
  <dimension ref="A1:AD33"/>
  <sheetViews>
    <sheetView zoomScaleNormal="100" workbookViewId="0">
      <selection activeCell="B3" sqref="B3"/>
    </sheetView>
  </sheetViews>
  <sheetFormatPr defaultColWidth="9" defaultRowHeight="13"/>
  <cols>
    <col min="1" max="1" width="9" style="396"/>
    <col min="2" max="2" width="3.58203125" style="396" customWidth="1"/>
    <col min="3" max="3" width="21.75" style="396" customWidth="1"/>
    <col min="4" max="4" width="11.9140625" style="396" customWidth="1"/>
    <col min="5" max="5" width="12.1640625" style="396" customWidth="1"/>
    <col min="6" max="16" width="9" style="396"/>
    <col min="17" max="17" width="3.58203125" style="396" customWidth="1"/>
    <col min="18" max="18" width="21.75" style="396" customWidth="1"/>
    <col min="19" max="19" width="11.9140625" style="396" customWidth="1"/>
    <col min="20" max="20" width="12.1640625" style="396" customWidth="1"/>
    <col min="21" max="16384" width="9" style="396"/>
  </cols>
  <sheetData>
    <row r="1" spans="1:30" s="410" customFormat="1">
      <c r="A1" s="652" t="s">
        <v>685</v>
      </c>
      <c r="B1" s="652"/>
      <c r="C1" s="6"/>
    </row>
    <row r="2" spans="1:30">
      <c r="A2" s="395"/>
    </row>
    <row r="3" spans="1:30">
      <c r="B3" s="397" t="s">
        <v>612</v>
      </c>
      <c r="C3" s="398"/>
    </row>
    <row r="4" spans="1:30">
      <c r="A4" s="399"/>
      <c r="B4" s="355"/>
      <c r="C4" s="399"/>
      <c r="D4" s="399"/>
      <c r="E4" s="399"/>
      <c r="F4" s="399"/>
      <c r="G4" s="399"/>
      <c r="H4" s="399"/>
      <c r="I4" s="399"/>
      <c r="J4" s="399"/>
      <c r="K4" s="399"/>
      <c r="L4" s="399"/>
      <c r="M4" s="399"/>
      <c r="N4" s="399"/>
      <c r="O4" s="399"/>
      <c r="P4" s="399"/>
    </row>
    <row r="5" spans="1:30">
      <c r="A5" s="399"/>
      <c r="B5" s="400"/>
      <c r="C5" s="400"/>
      <c r="D5" s="401" t="s">
        <v>1</v>
      </c>
      <c r="E5" s="401" t="s">
        <v>2</v>
      </c>
      <c r="F5" s="401" t="s">
        <v>3</v>
      </c>
      <c r="G5" s="401" t="s">
        <v>9</v>
      </c>
      <c r="H5" s="401" t="s">
        <v>10</v>
      </c>
      <c r="I5" s="401" t="s">
        <v>11</v>
      </c>
      <c r="J5" s="401" t="s">
        <v>418</v>
      </c>
      <c r="K5" s="401" t="s">
        <v>419</v>
      </c>
      <c r="L5" s="401" t="s">
        <v>420</v>
      </c>
      <c r="M5" s="401" t="s">
        <v>422</v>
      </c>
      <c r="N5" s="401" t="s">
        <v>421</v>
      </c>
      <c r="O5" s="401" t="s">
        <v>423</v>
      </c>
      <c r="P5" s="401"/>
      <c r="Q5" s="400"/>
      <c r="R5" s="400"/>
      <c r="S5" s="433" t="s">
        <v>1</v>
      </c>
      <c r="T5" s="433" t="s">
        <v>2</v>
      </c>
      <c r="U5" s="433" t="s">
        <v>3</v>
      </c>
      <c r="V5" s="433" t="s">
        <v>9</v>
      </c>
      <c r="W5" s="433" t="s">
        <v>10</v>
      </c>
      <c r="X5" s="433" t="s">
        <v>11</v>
      </c>
      <c r="Y5" s="433" t="s">
        <v>418</v>
      </c>
      <c r="Z5" s="433" t="s">
        <v>419</v>
      </c>
      <c r="AA5" s="433" t="s">
        <v>420</v>
      </c>
      <c r="AB5" s="433" t="s">
        <v>422</v>
      </c>
      <c r="AC5" s="433" t="s">
        <v>421</v>
      </c>
      <c r="AD5" s="433" t="s">
        <v>423</v>
      </c>
    </row>
    <row r="6" spans="1:30" ht="16.5" customHeight="1">
      <c r="A6" s="399"/>
      <c r="B6" s="810" t="s">
        <v>12</v>
      </c>
      <c r="C6" s="811"/>
      <c r="D6" s="812" t="s">
        <v>580</v>
      </c>
      <c r="E6" s="813"/>
      <c r="F6" s="813"/>
      <c r="G6" s="813"/>
      <c r="H6" s="813"/>
      <c r="I6" s="813"/>
      <c r="J6" s="813"/>
      <c r="K6" s="813"/>
      <c r="L6" s="813"/>
      <c r="M6" s="813"/>
      <c r="N6" s="813"/>
      <c r="O6" s="814"/>
      <c r="P6" s="356"/>
      <c r="Q6" s="810" t="s">
        <v>12</v>
      </c>
      <c r="R6" s="811"/>
      <c r="S6" s="812" t="s">
        <v>580</v>
      </c>
      <c r="T6" s="813"/>
      <c r="U6" s="813"/>
      <c r="V6" s="813"/>
      <c r="W6" s="813"/>
      <c r="X6" s="813"/>
      <c r="Y6" s="813"/>
      <c r="Z6" s="813"/>
      <c r="AA6" s="813"/>
      <c r="AB6" s="813"/>
      <c r="AC6" s="813"/>
      <c r="AD6" s="814"/>
    </row>
    <row r="7" spans="1:30" ht="16.5" customHeight="1">
      <c r="A7" s="399"/>
      <c r="B7" s="402"/>
      <c r="C7" s="403"/>
      <c r="D7" s="815" t="s">
        <v>581</v>
      </c>
      <c r="E7" s="816"/>
      <c r="F7" s="817"/>
      <c r="G7" s="815" t="s">
        <v>582</v>
      </c>
      <c r="H7" s="816"/>
      <c r="I7" s="816"/>
      <c r="J7" s="816"/>
      <c r="K7" s="816"/>
      <c r="L7" s="816"/>
      <c r="M7" s="816"/>
      <c r="N7" s="816"/>
      <c r="O7" s="817"/>
      <c r="P7" s="400"/>
      <c r="Q7" s="430"/>
      <c r="R7" s="431"/>
      <c r="S7" s="815" t="s">
        <v>581</v>
      </c>
      <c r="T7" s="816"/>
      <c r="U7" s="817"/>
      <c r="V7" s="815" t="s">
        <v>582</v>
      </c>
      <c r="W7" s="816"/>
      <c r="X7" s="816"/>
      <c r="Y7" s="816"/>
      <c r="Z7" s="816"/>
      <c r="AA7" s="816"/>
      <c r="AB7" s="816"/>
      <c r="AC7" s="816"/>
      <c r="AD7" s="817"/>
    </row>
    <row r="8" spans="1:30" ht="30.75" customHeight="1">
      <c r="A8" s="399"/>
      <c r="B8" s="818"/>
      <c r="C8" s="822"/>
      <c r="D8" s="823"/>
      <c r="E8" s="819" t="s">
        <v>583</v>
      </c>
      <c r="F8" s="819" t="s">
        <v>584</v>
      </c>
      <c r="G8" s="823"/>
      <c r="H8" s="819" t="s">
        <v>585</v>
      </c>
      <c r="I8" s="819" t="s">
        <v>586</v>
      </c>
      <c r="J8" s="819" t="s">
        <v>587</v>
      </c>
      <c r="K8" s="819" t="s">
        <v>588</v>
      </c>
      <c r="L8" s="819" t="s">
        <v>589</v>
      </c>
      <c r="M8" s="819" t="s">
        <v>590</v>
      </c>
      <c r="N8" s="819" t="s">
        <v>591</v>
      </c>
      <c r="O8" s="819" t="s">
        <v>16</v>
      </c>
      <c r="P8" s="825"/>
      <c r="Q8" s="818"/>
      <c r="R8" s="822"/>
      <c r="S8" s="823"/>
      <c r="T8" s="819" t="s">
        <v>583</v>
      </c>
      <c r="U8" s="819" t="s">
        <v>584</v>
      </c>
      <c r="V8" s="823"/>
      <c r="W8" s="819" t="s">
        <v>585</v>
      </c>
      <c r="X8" s="819" t="s">
        <v>586</v>
      </c>
      <c r="Y8" s="819" t="s">
        <v>587</v>
      </c>
      <c r="Z8" s="819" t="s">
        <v>588</v>
      </c>
      <c r="AA8" s="819" t="s">
        <v>589</v>
      </c>
      <c r="AB8" s="819" t="s">
        <v>590</v>
      </c>
      <c r="AC8" s="819" t="s">
        <v>591</v>
      </c>
      <c r="AD8" s="819" t="s">
        <v>16</v>
      </c>
    </row>
    <row r="9" spans="1:30" ht="23.25" customHeight="1">
      <c r="A9" s="399"/>
      <c r="B9" s="818"/>
      <c r="C9" s="822"/>
      <c r="D9" s="823"/>
      <c r="E9" s="820"/>
      <c r="F9" s="820"/>
      <c r="G9" s="823"/>
      <c r="H9" s="820"/>
      <c r="I9" s="820"/>
      <c r="J9" s="820"/>
      <c r="K9" s="820"/>
      <c r="L9" s="820"/>
      <c r="M9" s="820"/>
      <c r="N9" s="820"/>
      <c r="O9" s="820"/>
      <c r="P9" s="825"/>
      <c r="Q9" s="818"/>
      <c r="R9" s="822"/>
      <c r="S9" s="823"/>
      <c r="T9" s="820"/>
      <c r="U9" s="820"/>
      <c r="V9" s="823"/>
      <c r="W9" s="820"/>
      <c r="X9" s="820"/>
      <c r="Y9" s="820"/>
      <c r="Z9" s="820"/>
      <c r="AA9" s="820"/>
      <c r="AB9" s="820"/>
      <c r="AC9" s="820"/>
      <c r="AD9" s="820"/>
    </row>
    <row r="10" spans="1:30" ht="40.5" customHeight="1">
      <c r="A10" s="399"/>
      <c r="B10" s="404" t="s">
        <v>689</v>
      </c>
      <c r="C10" s="405"/>
      <c r="D10" s="406"/>
      <c r="E10" s="821"/>
      <c r="F10" s="821"/>
      <c r="G10" s="824"/>
      <c r="H10" s="821"/>
      <c r="I10" s="821"/>
      <c r="J10" s="821"/>
      <c r="K10" s="821"/>
      <c r="L10" s="821"/>
      <c r="M10" s="821"/>
      <c r="N10" s="821"/>
      <c r="O10" s="821"/>
      <c r="P10" s="825"/>
      <c r="Q10" s="404" t="s">
        <v>687</v>
      </c>
      <c r="R10" s="405"/>
      <c r="S10" s="432"/>
      <c r="T10" s="821"/>
      <c r="U10" s="821"/>
      <c r="V10" s="824"/>
      <c r="W10" s="821"/>
      <c r="X10" s="821"/>
      <c r="Y10" s="821"/>
      <c r="Z10" s="821"/>
      <c r="AA10" s="821"/>
      <c r="AB10" s="821"/>
      <c r="AC10" s="821"/>
      <c r="AD10" s="821"/>
    </row>
    <row r="11" spans="1:30">
      <c r="A11" s="399"/>
      <c r="B11" s="407">
        <v>1</v>
      </c>
      <c r="C11" s="408" t="s">
        <v>470</v>
      </c>
      <c r="D11" s="727">
        <v>2031649.3467629573</v>
      </c>
      <c r="E11" s="727">
        <v>2030614.5958313739</v>
      </c>
      <c r="F11" s="727">
        <v>1034.7509315833702</v>
      </c>
      <c r="G11" s="727">
        <v>16169.270935234699</v>
      </c>
      <c r="H11" s="727">
        <v>12987.633521023899</v>
      </c>
      <c r="I11" s="727">
        <v>591.84942145716002</v>
      </c>
      <c r="J11" s="727">
        <v>736.95414331276106</v>
      </c>
      <c r="K11" s="727">
        <v>837.41561682791905</v>
      </c>
      <c r="L11" s="727">
        <v>443.15309487857502</v>
      </c>
      <c r="M11" s="727">
        <v>525.51118173431701</v>
      </c>
      <c r="N11" s="727">
        <v>46.753955999999995</v>
      </c>
      <c r="O11" s="727">
        <v>14852.927897797899</v>
      </c>
      <c r="P11" s="357"/>
      <c r="Q11" s="407">
        <v>1</v>
      </c>
      <c r="R11" s="408" t="s">
        <v>470</v>
      </c>
      <c r="S11" s="467">
        <v>2050475.5403477936</v>
      </c>
      <c r="T11" s="467">
        <v>2049467.11016862</v>
      </c>
      <c r="U11" s="467">
        <v>1008.4301791736001</v>
      </c>
      <c r="V11" s="467">
        <v>16514.071920177699</v>
      </c>
      <c r="W11" s="467">
        <v>12617.286837253801</v>
      </c>
      <c r="X11" s="467">
        <v>1145.8070684956001</v>
      </c>
      <c r="Y11" s="467">
        <v>1057.5852699894988</v>
      </c>
      <c r="Z11" s="467">
        <v>336.50689122330402</v>
      </c>
      <c r="AA11" s="467">
        <v>478.55657057297003</v>
      </c>
      <c r="AB11" s="467">
        <v>814.83178564250704</v>
      </c>
      <c r="AC11" s="467">
        <v>63.497496999999996</v>
      </c>
      <c r="AD11" s="467">
        <v>15488.4946047589</v>
      </c>
    </row>
    <row r="12" spans="1:30">
      <c r="A12" s="399"/>
      <c r="B12" s="358">
        <v>2</v>
      </c>
      <c r="C12" s="359" t="s">
        <v>572</v>
      </c>
      <c r="D12" s="770">
        <v>329119.04068457882</v>
      </c>
      <c r="E12" s="770">
        <v>329118.95596557885</v>
      </c>
      <c r="F12" s="770">
        <v>8.4718999999999989E-2</v>
      </c>
      <c r="G12" s="770">
        <v>0.26004300000000002</v>
      </c>
      <c r="H12" s="770">
        <v>8.3379999999999999E-3</v>
      </c>
      <c r="I12" s="770">
        <v>3.4375999999999997E-2</v>
      </c>
      <c r="J12" s="770">
        <v>0.105241</v>
      </c>
      <c r="K12" s="770">
        <v>0.11208799999999999</v>
      </c>
      <c r="L12" s="770"/>
      <c r="M12" s="770"/>
      <c r="N12" s="770"/>
      <c r="O12" s="770"/>
      <c r="P12" s="357"/>
      <c r="Q12" s="358">
        <v>2</v>
      </c>
      <c r="R12" s="359" t="s">
        <v>572</v>
      </c>
      <c r="S12" s="766">
        <v>327727.43378865719</v>
      </c>
      <c r="T12" s="766">
        <v>327727.04959265719</v>
      </c>
      <c r="U12" s="766">
        <v>0.38419600000000004</v>
      </c>
      <c r="V12" s="766">
        <v>292.39502799999997</v>
      </c>
      <c r="W12" s="766">
        <v>122.612572</v>
      </c>
      <c r="X12" s="766">
        <v>52.233623000000001</v>
      </c>
      <c r="Y12" s="766">
        <v>114.637354</v>
      </c>
      <c r="Z12" s="766">
        <v>4.3949999999999996E-3</v>
      </c>
      <c r="AA12" s="766">
        <v>2.217727</v>
      </c>
      <c r="AB12" s="766">
        <v>8.0528000000000002E-2</v>
      </c>
      <c r="AC12" s="766">
        <v>0.60882899999999995</v>
      </c>
      <c r="AD12" s="766"/>
    </row>
    <row r="13" spans="1:30">
      <c r="A13" s="399"/>
      <c r="B13" s="358">
        <v>3</v>
      </c>
      <c r="C13" s="359" t="s">
        <v>573</v>
      </c>
      <c r="D13" s="770">
        <v>15514.117880550601</v>
      </c>
      <c r="E13" s="770">
        <v>15507.3101775506</v>
      </c>
      <c r="F13" s="770">
        <v>6.8077030000000001</v>
      </c>
      <c r="G13" s="770">
        <v>0.81899999999999995</v>
      </c>
      <c r="H13" s="770"/>
      <c r="I13" s="770">
        <v>3.3000000000000002E-2</v>
      </c>
      <c r="J13" s="770">
        <v>3.0000000000000001E-3</v>
      </c>
      <c r="K13" s="770">
        <v>0.78300000000000003</v>
      </c>
      <c r="L13" s="770"/>
      <c r="M13" s="770"/>
      <c r="N13" s="770"/>
      <c r="O13" s="770">
        <v>0.81899999999999995</v>
      </c>
      <c r="P13" s="357"/>
      <c r="Q13" s="358">
        <v>3</v>
      </c>
      <c r="R13" s="359" t="s">
        <v>573</v>
      </c>
      <c r="S13" s="766">
        <v>15984.3142432228</v>
      </c>
      <c r="T13" s="766">
        <v>15983.122861222801</v>
      </c>
      <c r="U13" s="766">
        <v>1.1913820000000002</v>
      </c>
      <c r="V13" s="766">
        <v>55.368779000000004</v>
      </c>
      <c r="W13" s="766">
        <v>53.478675000000003</v>
      </c>
      <c r="X13" s="766">
        <v>0.29154599999999997</v>
      </c>
      <c r="Y13" s="766">
        <v>0.323266</v>
      </c>
      <c r="Z13" s="766">
        <v>1.2752919999999999</v>
      </c>
      <c r="AA13" s="766"/>
      <c r="AB13" s="766"/>
      <c r="AC13" s="766"/>
      <c r="AD13" s="766">
        <v>48.891786000000003</v>
      </c>
    </row>
    <row r="14" spans="1:30">
      <c r="A14" s="399"/>
      <c r="B14" s="358">
        <v>4</v>
      </c>
      <c r="C14" s="359" t="s">
        <v>574</v>
      </c>
      <c r="D14" s="770">
        <v>39141.187110441097</v>
      </c>
      <c r="E14" s="770">
        <v>39073.883435441101</v>
      </c>
      <c r="F14" s="770">
        <v>67.303674999999998</v>
      </c>
      <c r="G14" s="770">
        <v>22.407098000000001</v>
      </c>
      <c r="H14" s="770">
        <v>4.5100619999999996</v>
      </c>
      <c r="I14" s="770">
        <v>14.916392</v>
      </c>
      <c r="J14" s="770">
        <v>1.8210519999999999</v>
      </c>
      <c r="K14" s="770">
        <v>0.27645700000000001</v>
      </c>
      <c r="L14" s="770">
        <v>5.4900000000000001E-3</v>
      </c>
      <c r="M14" s="770">
        <v>0.14353399999999999</v>
      </c>
      <c r="N14" s="770">
        <v>0.73411099999999996</v>
      </c>
      <c r="O14" s="770"/>
      <c r="P14" s="357"/>
      <c r="Q14" s="358">
        <v>4</v>
      </c>
      <c r="R14" s="359" t="s">
        <v>574</v>
      </c>
      <c r="S14" s="766">
        <v>36375.862096772806</v>
      </c>
      <c r="T14" s="766">
        <v>36370.401639772805</v>
      </c>
      <c r="U14" s="766">
        <v>5.4604569999999999</v>
      </c>
      <c r="V14" s="766">
        <v>12.292634</v>
      </c>
      <c r="W14" s="766">
        <v>7.2200040000000003</v>
      </c>
      <c r="X14" s="766">
        <v>5.0726300000000002</v>
      </c>
      <c r="Y14" s="766"/>
      <c r="Z14" s="766"/>
      <c r="AA14" s="766"/>
      <c r="AB14" s="766"/>
      <c r="AC14" s="766"/>
      <c r="AD14" s="766">
        <v>6.6191E-2</v>
      </c>
    </row>
    <row r="15" spans="1:30">
      <c r="A15" s="399"/>
      <c r="B15" s="358">
        <v>5</v>
      </c>
      <c r="C15" s="359" t="s">
        <v>575</v>
      </c>
      <c r="D15" s="770">
        <v>93164.532665238599</v>
      </c>
      <c r="E15" s="770">
        <v>93120.253841238606</v>
      </c>
      <c r="F15" s="770">
        <v>44.278824</v>
      </c>
      <c r="G15" s="770">
        <v>459.05889200000001</v>
      </c>
      <c r="H15" s="770">
        <v>234.87990500000001</v>
      </c>
      <c r="I15" s="770">
        <v>0.32341899999999996</v>
      </c>
      <c r="J15" s="770">
        <v>223.482946</v>
      </c>
      <c r="K15" s="770">
        <v>0.18686800000000001</v>
      </c>
      <c r="L15" s="770">
        <v>0.166577</v>
      </c>
      <c r="M15" s="770">
        <v>3.388E-3</v>
      </c>
      <c r="N15" s="770">
        <v>1.5789000000000001E-2</v>
      </c>
      <c r="O15" s="770">
        <v>406.61163299999998</v>
      </c>
      <c r="P15" s="357"/>
      <c r="Q15" s="358">
        <v>5</v>
      </c>
      <c r="R15" s="359" t="s">
        <v>575</v>
      </c>
      <c r="S15" s="766">
        <v>101357.524828379</v>
      </c>
      <c r="T15" s="766">
        <v>101301.55816637901</v>
      </c>
      <c r="U15" s="766">
        <v>55.966661999999999</v>
      </c>
      <c r="V15" s="766">
        <v>490.91134299999999</v>
      </c>
      <c r="W15" s="766">
        <v>370.26412199999999</v>
      </c>
      <c r="X15" s="766">
        <v>117.284324</v>
      </c>
      <c r="Y15" s="766">
        <v>2.3517920000000001</v>
      </c>
      <c r="Z15" s="766">
        <v>0.70527399999999996</v>
      </c>
      <c r="AA15" s="766">
        <v>0.23213399999999998</v>
      </c>
      <c r="AB15" s="766">
        <v>6.1917E-2</v>
      </c>
      <c r="AC15" s="766">
        <v>1.1779999999999999E-2</v>
      </c>
      <c r="AD15" s="766">
        <v>427.46537499999999</v>
      </c>
    </row>
    <row r="16" spans="1:30">
      <c r="A16" s="399"/>
      <c r="B16" s="358">
        <v>6</v>
      </c>
      <c r="C16" s="359" t="s">
        <v>576</v>
      </c>
      <c r="D16" s="770">
        <v>899006.62323417107</v>
      </c>
      <c r="E16" s="770">
        <v>898796.49707951793</v>
      </c>
      <c r="F16" s="770">
        <v>210.12615465302099</v>
      </c>
      <c r="G16" s="770">
        <v>13344.9125673546</v>
      </c>
      <c r="H16" s="770">
        <v>11554.214043415399</v>
      </c>
      <c r="I16" s="770">
        <v>371.16093319678498</v>
      </c>
      <c r="J16" s="770">
        <v>299.95694516500902</v>
      </c>
      <c r="K16" s="770">
        <v>581.51710967357701</v>
      </c>
      <c r="L16" s="770">
        <v>203.90601927277001</v>
      </c>
      <c r="M16" s="770">
        <v>334.04142463110605</v>
      </c>
      <c r="N16" s="770">
        <v>0.116092</v>
      </c>
      <c r="O16" s="770">
        <v>12295.5527554853</v>
      </c>
      <c r="P16" s="357"/>
      <c r="Q16" s="358">
        <v>6</v>
      </c>
      <c r="R16" s="359" t="s">
        <v>576</v>
      </c>
      <c r="S16" s="766">
        <v>929039.66376644745</v>
      </c>
      <c r="T16" s="766">
        <v>928758.27721347206</v>
      </c>
      <c r="U16" s="766">
        <v>281.38655297536798</v>
      </c>
      <c r="V16" s="766">
        <v>13078.6276642211</v>
      </c>
      <c r="W16" s="766">
        <v>10884.0591819529</v>
      </c>
      <c r="X16" s="766">
        <v>723.33029162683306</v>
      </c>
      <c r="Y16" s="766">
        <v>633.84391420771999</v>
      </c>
      <c r="Z16" s="766">
        <v>101.94143014446901</v>
      </c>
      <c r="AA16" s="766">
        <v>165.02846412703201</v>
      </c>
      <c r="AB16" s="766">
        <v>570.24569216215798</v>
      </c>
      <c r="AC16" s="766">
        <v>0.17868999999999999</v>
      </c>
      <c r="AD16" s="766">
        <v>12671.2556136727</v>
      </c>
    </row>
    <row r="17" spans="1:30">
      <c r="A17" s="399"/>
      <c r="B17" s="358">
        <v>7</v>
      </c>
      <c r="C17" s="359" t="s">
        <v>592</v>
      </c>
      <c r="D17" s="770">
        <v>309511.066998241</v>
      </c>
      <c r="E17" s="770">
        <v>309455.87938515196</v>
      </c>
      <c r="F17" s="770">
        <v>55.187613089031998</v>
      </c>
      <c r="G17" s="770">
        <v>1865.73753730775</v>
      </c>
      <c r="H17" s="770">
        <v>1231.3553048644699</v>
      </c>
      <c r="I17" s="770">
        <v>23.127990050215001</v>
      </c>
      <c r="J17" s="770">
        <v>42.906955102224998</v>
      </c>
      <c r="K17" s="770">
        <v>148.775864712085</v>
      </c>
      <c r="L17" s="770">
        <v>191.66823977472302</v>
      </c>
      <c r="M17" s="770">
        <v>227.89309080403001</v>
      </c>
      <c r="N17" s="770">
        <v>1.0092E-2</v>
      </c>
      <c r="O17" s="770">
        <v>1706.7279230470799</v>
      </c>
      <c r="P17" s="357"/>
      <c r="Q17" s="358">
        <v>7</v>
      </c>
      <c r="R17" s="359" t="s">
        <v>592</v>
      </c>
      <c r="S17" s="766">
        <v>310728.20890135271</v>
      </c>
      <c r="T17" s="766">
        <v>310624.51298379898</v>
      </c>
      <c r="U17" s="766">
        <v>103.69591755371201</v>
      </c>
      <c r="V17" s="766">
        <v>1675.2668450348101</v>
      </c>
      <c r="W17" s="766">
        <v>1035.13493042357</v>
      </c>
      <c r="X17" s="766">
        <v>81.66454946572199</v>
      </c>
      <c r="Y17" s="766">
        <v>125.37906317255</v>
      </c>
      <c r="Z17" s="766">
        <v>62.536372835118001</v>
      </c>
      <c r="AA17" s="766">
        <v>83.218640397393997</v>
      </c>
      <c r="AB17" s="766">
        <v>287.32426474045798</v>
      </c>
      <c r="AC17" s="766">
        <v>9.023999999999999E-3</v>
      </c>
      <c r="AD17" s="766">
        <v>1545.9217751679701</v>
      </c>
    </row>
    <row r="18" spans="1:30">
      <c r="A18" s="399"/>
      <c r="B18" s="358">
        <v>8</v>
      </c>
      <c r="C18" s="359" t="s">
        <v>577</v>
      </c>
      <c r="D18" s="770">
        <v>655703.84518797335</v>
      </c>
      <c r="E18" s="770">
        <v>654997.69533204311</v>
      </c>
      <c r="F18" s="770">
        <v>706.14985593034999</v>
      </c>
      <c r="G18" s="770">
        <v>2341.8133348800498</v>
      </c>
      <c r="H18" s="770">
        <v>1194.0211726085699</v>
      </c>
      <c r="I18" s="770">
        <v>205.38130126037501</v>
      </c>
      <c r="J18" s="770">
        <v>211.58495914775199</v>
      </c>
      <c r="K18" s="770">
        <v>254.540094154342</v>
      </c>
      <c r="L18" s="770">
        <v>239.07500860580498</v>
      </c>
      <c r="M18" s="770">
        <v>191.32283510321099</v>
      </c>
      <c r="N18" s="770">
        <v>45.887963999999997</v>
      </c>
      <c r="O18" s="770">
        <v>2149.9445093126501</v>
      </c>
      <c r="P18" s="357"/>
      <c r="Q18" s="358">
        <v>8</v>
      </c>
      <c r="R18" s="359" t="s">
        <v>577</v>
      </c>
      <c r="S18" s="766">
        <v>639990.7416243162</v>
      </c>
      <c r="T18" s="766">
        <v>639326.70069511794</v>
      </c>
      <c r="U18" s="766">
        <v>664.04092919823506</v>
      </c>
      <c r="V18" s="766">
        <v>2584.4764719565501</v>
      </c>
      <c r="W18" s="766">
        <v>1179.65228230088</v>
      </c>
      <c r="X18" s="766">
        <v>247.59465386877</v>
      </c>
      <c r="Y18" s="766">
        <v>306.42894378177897</v>
      </c>
      <c r="Z18" s="766">
        <v>232.580500078835</v>
      </c>
      <c r="AA18" s="766">
        <v>311.07824544593802</v>
      </c>
      <c r="AB18" s="766">
        <v>244.443648480349</v>
      </c>
      <c r="AC18" s="766">
        <v>62.698197999999998</v>
      </c>
      <c r="AD18" s="766">
        <v>2340.81563908622</v>
      </c>
    </row>
    <row r="19" spans="1:30">
      <c r="A19" s="399"/>
      <c r="B19" s="407">
        <v>9</v>
      </c>
      <c r="C19" s="408" t="s">
        <v>469</v>
      </c>
      <c r="D19" s="727">
        <v>13841.559984</v>
      </c>
      <c r="E19" s="727">
        <v>13841.559984</v>
      </c>
      <c r="F19" s="727"/>
      <c r="G19" s="727"/>
      <c r="H19" s="727"/>
      <c r="I19" s="727"/>
      <c r="J19" s="727"/>
      <c r="K19" s="727"/>
      <c r="L19" s="727"/>
      <c r="M19" s="727"/>
      <c r="N19" s="727"/>
      <c r="O19" s="727"/>
      <c r="P19" s="357"/>
      <c r="Q19" s="407">
        <v>9</v>
      </c>
      <c r="R19" s="408" t="s">
        <v>469</v>
      </c>
      <c r="S19" s="467">
        <v>14601.450426000001</v>
      </c>
      <c r="T19" s="467">
        <v>14601.450426000001</v>
      </c>
      <c r="U19" s="467"/>
      <c r="V19" s="467"/>
      <c r="W19" s="467"/>
      <c r="X19" s="467"/>
      <c r="Y19" s="467"/>
      <c r="Z19" s="467"/>
      <c r="AA19" s="467"/>
      <c r="AB19" s="467"/>
      <c r="AC19" s="467"/>
      <c r="AD19" s="467"/>
    </row>
    <row r="20" spans="1:30">
      <c r="A20" s="399"/>
      <c r="B20" s="358">
        <v>10</v>
      </c>
      <c r="C20" s="359" t="s">
        <v>572</v>
      </c>
      <c r="D20" s="770"/>
      <c r="E20" s="770"/>
      <c r="F20" s="770"/>
      <c r="G20" s="770"/>
      <c r="H20" s="770"/>
      <c r="I20" s="770"/>
      <c r="J20" s="770"/>
      <c r="K20" s="770"/>
      <c r="L20" s="770"/>
      <c r="M20" s="770"/>
      <c r="N20" s="770"/>
      <c r="O20" s="770"/>
      <c r="P20" s="357"/>
      <c r="Q20" s="358">
        <v>10</v>
      </c>
      <c r="R20" s="359" t="s">
        <v>572</v>
      </c>
      <c r="S20" s="766"/>
      <c r="T20" s="766"/>
      <c r="U20" s="766"/>
      <c r="V20" s="766"/>
      <c r="W20" s="766"/>
      <c r="X20" s="766"/>
      <c r="Y20" s="766"/>
      <c r="Z20" s="766"/>
      <c r="AA20" s="766"/>
      <c r="AB20" s="766"/>
      <c r="AC20" s="766"/>
      <c r="AD20" s="766"/>
    </row>
    <row r="21" spans="1:30">
      <c r="A21" s="399"/>
      <c r="B21" s="358">
        <v>11</v>
      </c>
      <c r="C21" s="359" t="s">
        <v>573</v>
      </c>
      <c r="D21" s="770">
        <v>3089.5794660000001</v>
      </c>
      <c r="E21" s="770">
        <v>3089.5794660000001</v>
      </c>
      <c r="F21" s="770"/>
      <c r="G21" s="770"/>
      <c r="H21" s="770"/>
      <c r="I21" s="770"/>
      <c r="J21" s="770"/>
      <c r="K21" s="770"/>
      <c r="L21" s="770"/>
      <c r="M21" s="770"/>
      <c r="N21" s="770"/>
      <c r="O21" s="770"/>
      <c r="P21" s="357"/>
      <c r="Q21" s="358">
        <v>11</v>
      </c>
      <c r="R21" s="359" t="s">
        <v>573</v>
      </c>
      <c r="S21" s="766">
        <v>3177.6100339999998</v>
      </c>
      <c r="T21" s="766">
        <v>3177.6100339999998</v>
      </c>
      <c r="U21" s="766"/>
      <c r="V21" s="766"/>
      <c r="W21" s="766"/>
      <c r="X21" s="766"/>
      <c r="Y21" s="766"/>
      <c r="Z21" s="766"/>
      <c r="AA21" s="766"/>
      <c r="AB21" s="766"/>
      <c r="AC21" s="766"/>
      <c r="AD21" s="766"/>
    </row>
    <row r="22" spans="1:30">
      <c r="A22" s="399"/>
      <c r="B22" s="358">
        <v>12</v>
      </c>
      <c r="C22" s="359" t="s">
        <v>574</v>
      </c>
      <c r="D22" s="770"/>
      <c r="E22" s="770"/>
      <c r="F22" s="770"/>
      <c r="G22" s="770"/>
      <c r="H22" s="770"/>
      <c r="I22" s="770"/>
      <c r="J22" s="770"/>
      <c r="K22" s="770"/>
      <c r="L22" s="770"/>
      <c r="M22" s="770"/>
      <c r="N22" s="770"/>
      <c r="O22" s="770"/>
      <c r="P22" s="357"/>
      <c r="Q22" s="358">
        <v>12</v>
      </c>
      <c r="R22" s="359" t="s">
        <v>574</v>
      </c>
      <c r="S22" s="766"/>
      <c r="T22" s="766"/>
      <c r="U22" s="766"/>
      <c r="V22" s="766"/>
      <c r="W22" s="766"/>
      <c r="X22" s="766"/>
      <c r="Y22" s="766"/>
      <c r="Z22" s="766"/>
      <c r="AA22" s="766"/>
      <c r="AB22" s="766"/>
      <c r="AC22" s="766"/>
      <c r="AD22" s="766"/>
    </row>
    <row r="23" spans="1:30">
      <c r="A23" s="399"/>
      <c r="B23" s="358">
        <v>13</v>
      </c>
      <c r="C23" s="359" t="s">
        <v>575</v>
      </c>
      <c r="D23" s="770">
        <v>10751.980517999998</v>
      </c>
      <c r="E23" s="770">
        <v>10751.980517999998</v>
      </c>
      <c r="F23" s="770"/>
      <c r="G23" s="770"/>
      <c r="H23" s="770"/>
      <c r="I23" s="770"/>
      <c r="J23" s="770"/>
      <c r="K23" s="770"/>
      <c r="L23" s="770"/>
      <c r="M23" s="770"/>
      <c r="N23" s="770"/>
      <c r="O23" s="770"/>
      <c r="P23" s="357"/>
      <c r="Q23" s="358">
        <v>13</v>
      </c>
      <c r="R23" s="359" t="s">
        <v>575</v>
      </c>
      <c r="S23" s="766">
        <v>11423.840392</v>
      </c>
      <c r="T23" s="766">
        <v>11423.840392</v>
      </c>
      <c r="U23" s="766"/>
      <c r="V23" s="766"/>
      <c r="W23" s="766"/>
      <c r="X23" s="766"/>
      <c r="Y23" s="766"/>
      <c r="Z23" s="766"/>
      <c r="AA23" s="766"/>
      <c r="AB23" s="766"/>
      <c r="AC23" s="766"/>
      <c r="AD23" s="766"/>
    </row>
    <row r="24" spans="1:30">
      <c r="A24" s="399"/>
      <c r="B24" s="358">
        <v>14</v>
      </c>
      <c r="C24" s="359" t="s">
        <v>576</v>
      </c>
      <c r="D24" s="770"/>
      <c r="E24" s="770"/>
      <c r="F24" s="770"/>
      <c r="G24" s="770"/>
      <c r="H24" s="770"/>
      <c r="I24" s="770"/>
      <c r="J24" s="770"/>
      <c r="K24" s="770"/>
      <c r="L24" s="770"/>
      <c r="M24" s="770"/>
      <c r="N24" s="770"/>
      <c r="O24" s="770"/>
      <c r="P24" s="357"/>
      <c r="Q24" s="358">
        <v>14</v>
      </c>
      <c r="R24" s="359" t="s">
        <v>576</v>
      </c>
      <c r="S24" s="766"/>
      <c r="T24" s="766"/>
      <c r="U24" s="766"/>
      <c r="V24" s="766"/>
      <c r="W24" s="766"/>
      <c r="X24" s="766"/>
      <c r="Y24" s="766"/>
      <c r="Z24" s="766"/>
      <c r="AA24" s="766"/>
      <c r="AB24" s="766"/>
      <c r="AC24" s="766"/>
      <c r="AD24" s="766"/>
    </row>
    <row r="25" spans="1:30">
      <c r="A25" s="399"/>
      <c r="B25" s="407">
        <v>15</v>
      </c>
      <c r="C25" s="408" t="s">
        <v>475</v>
      </c>
      <c r="D25" s="727">
        <v>776786.80383865477</v>
      </c>
      <c r="E25" s="727"/>
      <c r="F25" s="727"/>
      <c r="G25" s="727">
        <v>767.60373361272002</v>
      </c>
      <c r="H25" s="727"/>
      <c r="I25" s="727"/>
      <c r="J25" s="727"/>
      <c r="K25" s="727"/>
      <c r="L25" s="727"/>
      <c r="M25" s="727"/>
      <c r="N25" s="727"/>
      <c r="O25" s="727">
        <v>690.50462682423995</v>
      </c>
      <c r="P25" s="357"/>
      <c r="Q25" s="407">
        <v>15</v>
      </c>
      <c r="R25" s="408" t="s">
        <v>475</v>
      </c>
      <c r="S25" s="467">
        <v>759058.1816355047</v>
      </c>
      <c r="T25" s="467"/>
      <c r="U25" s="467"/>
      <c r="V25" s="467">
        <v>1404.18019556236</v>
      </c>
      <c r="W25" s="467"/>
      <c r="X25" s="467"/>
      <c r="Y25" s="467"/>
      <c r="Z25" s="467"/>
      <c r="AA25" s="467"/>
      <c r="AB25" s="467"/>
      <c r="AC25" s="467"/>
      <c r="AD25" s="467">
        <v>866.06774527272103</v>
      </c>
    </row>
    <row r="26" spans="1:30">
      <c r="A26" s="399"/>
      <c r="B26" s="358">
        <v>16</v>
      </c>
      <c r="C26" s="359" t="s">
        <v>572</v>
      </c>
      <c r="D26" s="770">
        <v>4.3777448471560003</v>
      </c>
      <c r="E26" s="770"/>
      <c r="F26" s="770"/>
      <c r="G26" s="770"/>
      <c r="H26" s="770"/>
      <c r="I26" s="770"/>
      <c r="J26" s="770"/>
      <c r="K26" s="770"/>
      <c r="L26" s="770"/>
      <c r="M26" s="770"/>
      <c r="N26" s="770"/>
      <c r="O26" s="770"/>
      <c r="P26" s="357"/>
      <c r="Q26" s="358">
        <v>16</v>
      </c>
      <c r="R26" s="359" t="s">
        <v>572</v>
      </c>
      <c r="S26" s="766">
        <v>4.4420642972819993</v>
      </c>
      <c r="T26" s="766"/>
      <c r="U26" s="766"/>
      <c r="V26" s="766"/>
      <c r="W26" s="766"/>
      <c r="X26" s="766"/>
      <c r="Y26" s="766"/>
      <c r="Z26" s="766"/>
      <c r="AA26" s="766"/>
      <c r="AB26" s="766"/>
      <c r="AC26" s="766"/>
      <c r="AD26" s="766"/>
    </row>
    <row r="27" spans="1:30">
      <c r="A27" s="399"/>
      <c r="B27" s="358">
        <v>17</v>
      </c>
      <c r="C27" s="359" t="s">
        <v>573</v>
      </c>
      <c r="D27" s="770">
        <v>22447.165800518014</v>
      </c>
      <c r="E27" s="770"/>
      <c r="F27" s="770"/>
      <c r="G27" s="770">
        <v>6.3174999999999995E-2</v>
      </c>
      <c r="H27" s="770"/>
      <c r="I27" s="770"/>
      <c r="J27" s="770"/>
      <c r="K27" s="770"/>
      <c r="L27" s="770"/>
      <c r="M27" s="770"/>
      <c r="N27" s="770"/>
      <c r="O27" s="770"/>
      <c r="P27" s="357"/>
      <c r="Q27" s="358">
        <v>17</v>
      </c>
      <c r="R27" s="359" t="s">
        <v>573</v>
      </c>
      <c r="S27" s="766">
        <v>23024.09037963732</v>
      </c>
      <c r="T27" s="766"/>
      <c r="U27" s="766"/>
      <c r="V27" s="766">
        <v>6.3174999999999995E-2</v>
      </c>
      <c r="W27" s="766"/>
      <c r="X27" s="766"/>
      <c r="Y27" s="766"/>
      <c r="Z27" s="766"/>
      <c r="AA27" s="766"/>
      <c r="AB27" s="766"/>
      <c r="AC27" s="766"/>
      <c r="AD27" s="766"/>
    </row>
    <row r="28" spans="1:30">
      <c r="A28" s="399"/>
      <c r="B28" s="358">
        <v>18</v>
      </c>
      <c r="C28" s="359" t="s">
        <v>574</v>
      </c>
      <c r="D28" s="770">
        <v>22073.303726551807</v>
      </c>
      <c r="E28" s="770"/>
      <c r="F28" s="770"/>
      <c r="G28" s="770">
        <v>38.970874000000002</v>
      </c>
      <c r="H28" s="770"/>
      <c r="I28" s="770"/>
      <c r="J28" s="770"/>
      <c r="K28" s="770"/>
      <c r="L28" s="770"/>
      <c r="M28" s="770"/>
      <c r="N28" s="770"/>
      <c r="O28" s="770"/>
      <c r="P28" s="357"/>
      <c r="Q28" s="358">
        <v>18</v>
      </c>
      <c r="R28" s="359" t="s">
        <v>574</v>
      </c>
      <c r="S28" s="766">
        <v>22369.996865998361</v>
      </c>
      <c r="T28" s="766"/>
      <c r="U28" s="766"/>
      <c r="V28" s="766">
        <v>55.328766000000002</v>
      </c>
      <c r="W28" s="766"/>
      <c r="X28" s="766"/>
      <c r="Y28" s="766"/>
      <c r="Z28" s="766"/>
      <c r="AA28" s="766"/>
      <c r="AB28" s="766"/>
      <c r="AC28" s="766"/>
      <c r="AD28" s="766"/>
    </row>
    <row r="29" spans="1:30">
      <c r="A29" s="399"/>
      <c r="B29" s="358">
        <v>19</v>
      </c>
      <c r="C29" s="359" t="s">
        <v>575</v>
      </c>
      <c r="D29" s="770">
        <v>53117.792261589806</v>
      </c>
      <c r="E29" s="770"/>
      <c r="F29" s="770"/>
      <c r="G29" s="770">
        <v>30.329174999999999</v>
      </c>
      <c r="H29" s="770"/>
      <c r="I29" s="770"/>
      <c r="J29" s="770"/>
      <c r="K29" s="770"/>
      <c r="L29" s="770"/>
      <c r="M29" s="770"/>
      <c r="N29" s="770"/>
      <c r="O29" s="770">
        <v>30.329174999999999</v>
      </c>
      <c r="P29" s="357"/>
      <c r="Q29" s="358">
        <v>19</v>
      </c>
      <c r="R29" s="359" t="s">
        <v>575</v>
      </c>
      <c r="S29" s="766">
        <v>51287.383228354702</v>
      </c>
      <c r="T29" s="766"/>
      <c r="U29" s="766"/>
      <c r="V29" s="766">
        <v>57.574963000000004</v>
      </c>
      <c r="W29" s="766"/>
      <c r="X29" s="766"/>
      <c r="Y29" s="766"/>
      <c r="Z29" s="766"/>
      <c r="AA29" s="766"/>
      <c r="AB29" s="766"/>
      <c r="AC29" s="766"/>
      <c r="AD29" s="766">
        <v>57.574963000000004</v>
      </c>
    </row>
    <row r="30" spans="1:30">
      <c r="A30" s="399"/>
      <c r="B30" s="358">
        <v>20</v>
      </c>
      <c r="C30" s="359" t="s">
        <v>576</v>
      </c>
      <c r="D30" s="770">
        <v>582532.91907788685</v>
      </c>
      <c r="E30" s="770"/>
      <c r="F30" s="770"/>
      <c r="G30" s="770">
        <v>679.45575943434596</v>
      </c>
      <c r="H30" s="770"/>
      <c r="I30" s="770"/>
      <c r="J30" s="770"/>
      <c r="K30" s="770"/>
      <c r="L30" s="770"/>
      <c r="M30" s="770"/>
      <c r="N30" s="770"/>
      <c r="O30" s="770">
        <v>642.26120615616207</v>
      </c>
      <c r="P30" s="357"/>
      <c r="Q30" s="358">
        <v>20</v>
      </c>
      <c r="R30" s="359" t="s">
        <v>576</v>
      </c>
      <c r="S30" s="766">
        <v>563610.32655165938</v>
      </c>
      <c r="T30" s="766"/>
      <c r="U30" s="766"/>
      <c r="V30" s="766">
        <v>1211.867964870075</v>
      </c>
      <c r="W30" s="766"/>
      <c r="X30" s="766"/>
      <c r="Y30" s="766"/>
      <c r="Z30" s="766"/>
      <c r="AA30" s="766"/>
      <c r="AB30" s="766"/>
      <c r="AC30" s="766"/>
      <c r="AD30" s="766">
        <v>792.65679638215499</v>
      </c>
    </row>
    <row r="31" spans="1:30">
      <c r="A31" s="399"/>
      <c r="B31" s="360">
        <v>21</v>
      </c>
      <c r="C31" s="361" t="s">
        <v>577</v>
      </c>
      <c r="D31" s="771">
        <v>96611.245227261636</v>
      </c>
      <c r="E31" s="771"/>
      <c r="F31" s="771"/>
      <c r="G31" s="771">
        <v>18.784750178374001</v>
      </c>
      <c r="H31" s="771"/>
      <c r="I31" s="771"/>
      <c r="J31" s="771"/>
      <c r="K31" s="771"/>
      <c r="L31" s="771"/>
      <c r="M31" s="771"/>
      <c r="N31" s="771"/>
      <c r="O31" s="771">
        <v>17.914245668078003</v>
      </c>
      <c r="P31" s="357"/>
      <c r="Q31" s="360">
        <v>21</v>
      </c>
      <c r="R31" s="361" t="s">
        <v>577</v>
      </c>
      <c r="S31" s="772">
        <v>98761.942545558108</v>
      </c>
      <c r="T31" s="772"/>
      <c r="U31" s="772"/>
      <c r="V31" s="772">
        <v>79.345326692285994</v>
      </c>
      <c r="W31" s="772"/>
      <c r="X31" s="772"/>
      <c r="Y31" s="772"/>
      <c r="Z31" s="772"/>
      <c r="AA31" s="772"/>
      <c r="AB31" s="772"/>
      <c r="AC31" s="772"/>
      <c r="AD31" s="772">
        <v>15.835985890567001</v>
      </c>
    </row>
    <row r="32" spans="1:30">
      <c r="A32" s="399"/>
      <c r="B32" s="362">
        <v>22</v>
      </c>
      <c r="C32" s="363" t="s">
        <v>13</v>
      </c>
      <c r="D32" s="354">
        <v>2822277.7105856119</v>
      </c>
      <c r="E32" s="354">
        <v>2044456.1558153739</v>
      </c>
      <c r="F32" s="354">
        <v>1034.7509315833702</v>
      </c>
      <c r="G32" s="354">
        <v>16936.87466884742</v>
      </c>
      <c r="H32" s="354">
        <v>12987.633521023899</v>
      </c>
      <c r="I32" s="354">
        <v>591.84942145716002</v>
      </c>
      <c r="J32" s="354">
        <v>736.95414331276106</v>
      </c>
      <c r="K32" s="354">
        <v>837.41561682791905</v>
      </c>
      <c r="L32" s="354">
        <v>443.15309487857502</v>
      </c>
      <c r="M32" s="354">
        <v>525.51118173431701</v>
      </c>
      <c r="N32" s="354">
        <v>46.753955999999995</v>
      </c>
      <c r="O32" s="354">
        <v>15543.43252462214</v>
      </c>
      <c r="P32" s="357"/>
      <c r="Q32" s="362">
        <v>22</v>
      </c>
      <c r="R32" s="363" t="s">
        <v>13</v>
      </c>
      <c r="S32" s="472">
        <v>2824135.1724092984</v>
      </c>
      <c r="T32" s="472">
        <v>2064068.56059462</v>
      </c>
      <c r="U32" s="472">
        <v>1008.4301791736001</v>
      </c>
      <c r="V32" s="472">
        <v>17918.252115740059</v>
      </c>
      <c r="W32" s="472">
        <v>12617.286837253801</v>
      </c>
      <c r="X32" s="472">
        <v>1145.8070684956001</v>
      </c>
      <c r="Y32" s="472">
        <v>1057.5852699894988</v>
      </c>
      <c r="Z32" s="472">
        <v>336.50689122330402</v>
      </c>
      <c r="AA32" s="472">
        <v>478.55657057297003</v>
      </c>
      <c r="AB32" s="472">
        <v>814.83178564250704</v>
      </c>
      <c r="AC32" s="472">
        <v>63.497496999999996</v>
      </c>
      <c r="AD32" s="472">
        <v>16354.562350031621</v>
      </c>
    </row>
    <row r="33" spans="1:4">
      <c r="A33" s="395"/>
      <c r="D33" s="409"/>
    </row>
  </sheetData>
  <mergeCells count="37">
    <mergeCell ref="Z8:Z10"/>
    <mergeCell ref="AA8:AA10"/>
    <mergeCell ref="B6:C6"/>
    <mergeCell ref="I8:I10"/>
    <mergeCell ref="J8:J10"/>
    <mergeCell ref="K8:K10"/>
    <mergeCell ref="L8:L10"/>
    <mergeCell ref="M8:M10"/>
    <mergeCell ref="N8:N10"/>
    <mergeCell ref="O8:O10"/>
    <mergeCell ref="P8:P10"/>
    <mergeCell ref="B8:B9"/>
    <mergeCell ref="C8:C9"/>
    <mergeCell ref="D8:D9"/>
    <mergeCell ref="D6:O6"/>
    <mergeCell ref="D7:F7"/>
    <mergeCell ref="G7:O7"/>
    <mergeCell ref="G8:G10"/>
    <mergeCell ref="H8:H10"/>
    <mergeCell ref="E8:E10"/>
    <mergeCell ref="F8:F10"/>
    <mergeCell ref="Q6:R6"/>
    <mergeCell ref="S6:AD6"/>
    <mergeCell ref="S7:U7"/>
    <mergeCell ref="V7:AD7"/>
    <mergeCell ref="Q8:Q9"/>
    <mergeCell ref="W8:W10"/>
    <mergeCell ref="X8:X10"/>
    <mergeCell ref="AC8:AC10"/>
    <mergeCell ref="AD8:AD10"/>
    <mergeCell ref="R8:R9"/>
    <mergeCell ref="S8:S9"/>
    <mergeCell ref="T8:T10"/>
    <mergeCell ref="U8:U10"/>
    <mergeCell ref="V8:V10"/>
    <mergeCell ref="AB8:AB10"/>
    <mergeCell ref="Y8:Y10"/>
  </mergeCells>
  <pageMargins left="0.7" right="0.7" top="0.75" bottom="0.75" header="0.3" footer="0.3"/>
  <pageSetup paperSize="9" scale="55" orientation="portrait" r:id="rId1"/>
  <colBreaks count="1" manualBreakCount="1">
    <brk id="15" max="31"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315C6F9-2C5D-4920-A4E9-7450C093FECB}">
  <sheetPr codeName="Sheet19"/>
  <dimension ref="A1:AJ32"/>
  <sheetViews>
    <sheetView zoomScaleNormal="100" workbookViewId="0">
      <selection activeCell="B3" sqref="B3"/>
    </sheetView>
  </sheetViews>
  <sheetFormatPr defaultColWidth="9" defaultRowHeight="13"/>
  <cols>
    <col min="1" max="1" width="9" style="336"/>
    <col min="2" max="2" width="3.25" style="336" customWidth="1"/>
    <col min="3" max="3" width="31.5" style="336" customWidth="1"/>
    <col min="4" max="4" width="12.83203125" style="336" customWidth="1"/>
    <col min="5" max="5" width="10" style="336" customWidth="1"/>
    <col min="6" max="15" width="9" style="336"/>
    <col min="16" max="16" width="11.1640625" style="336" customWidth="1"/>
    <col min="17" max="18" width="9.9140625" style="336" customWidth="1"/>
    <col min="19" max="19" width="9" style="336"/>
    <col min="20" max="20" width="3.25" style="336" customWidth="1"/>
    <col min="21" max="21" width="31.5" style="336" customWidth="1"/>
    <col min="22" max="22" width="12.83203125" style="336" customWidth="1"/>
    <col min="23" max="23" width="10" style="336" customWidth="1"/>
    <col min="24" max="34" width="9" style="336"/>
    <col min="35" max="36" width="9.9140625" style="336" customWidth="1"/>
    <col min="37" max="16384" width="9" style="336"/>
  </cols>
  <sheetData>
    <row r="1" spans="1:36" s="428" customFormat="1">
      <c r="A1" s="652" t="s">
        <v>685</v>
      </c>
      <c r="B1" s="652"/>
      <c r="C1" s="6"/>
    </row>
    <row r="3" spans="1:36">
      <c r="B3" s="411" t="s">
        <v>614</v>
      </c>
      <c r="C3" s="412"/>
    </row>
    <row r="4" spans="1:36">
      <c r="A4" s="392"/>
      <c r="B4" s="367"/>
      <c r="C4" s="392"/>
      <c r="D4" s="392"/>
      <c r="E4" s="392"/>
      <c r="F4" s="392"/>
      <c r="G4" s="392"/>
      <c r="H4" s="392"/>
      <c r="I4" s="392"/>
      <c r="J4" s="392"/>
      <c r="K4" s="392"/>
      <c r="L4" s="392"/>
      <c r="M4" s="392"/>
      <c r="N4" s="392"/>
      <c r="O4" s="392"/>
      <c r="P4" s="392"/>
      <c r="Q4" s="392"/>
      <c r="R4" s="392"/>
      <c r="S4" s="392"/>
    </row>
    <row r="5" spans="1:36">
      <c r="A5" s="392"/>
      <c r="B5" s="413"/>
      <c r="C5" s="413"/>
      <c r="D5" s="414" t="s">
        <v>1</v>
      </c>
      <c r="E5" s="414" t="s">
        <v>2</v>
      </c>
      <c r="F5" s="414" t="s">
        <v>3</v>
      </c>
      <c r="G5" s="414" t="s">
        <v>9</v>
      </c>
      <c r="H5" s="414" t="s">
        <v>10</v>
      </c>
      <c r="I5" s="414" t="s">
        <v>11</v>
      </c>
      <c r="J5" s="414" t="s">
        <v>418</v>
      </c>
      <c r="K5" s="414" t="s">
        <v>419</v>
      </c>
      <c r="L5" s="414" t="s">
        <v>420</v>
      </c>
      <c r="M5" s="414" t="s">
        <v>422</v>
      </c>
      <c r="N5" s="414" t="s">
        <v>421</v>
      </c>
      <c r="O5" s="414" t="s">
        <v>423</v>
      </c>
      <c r="P5" s="414" t="s">
        <v>471</v>
      </c>
      <c r="Q5" s="414" t="s">
        <v>593</v>
      </c>
      <c r="R5" s="414" t="s">
        <v>594</v>
      </c>
      <c r="S5" s="392"/>
      <c r="T5" s="413"/>
      <c r="U5" s="413"/>
      <c r="V5" s="414" t="s">
        <v>1</v>
      </c>
      <c r="W5" s="414" t="s">
        <v>2</v>
      </c>
      <c r="X5" s="414" t="s">
        <v>3</v>
      </c>
      <c r="Y5" s="414" t="s">
        <v>9</v>
      </c>
      <c r="Z5" s="414" t="s">
        <v>10</v>
      </c>
      <c r="AA5" s="414" t="s">
        <v>11</v>
      </c>
      <c r="AB5" s="414" t="s">
        <v>418</v>
      </c>
      <c r="AC5" s="414" t="s">
        <v>419</v>
      </c>
      <c r="AD5" s="414" t="s">
        <v>420</v>
      </c>
      <c r="AE5" s="414" t="s">
        <v>422</v>
      </c>
      <c r="AF5" s="414" t="s">
        <v>421</v>
      </c>
      <c r="AG5" s="414" t="s">
        <v>423</v>
      </c>
      <c r="AH5" s="414" t="s">
        <v>471</v>
      </c>
      <c r="AI5" s="414" t="s">
        <v>593</v>
      </c>
      <c r="AJ5" s="414" t="s">
        <v>594</v>
      </c>
    </row>
    <row r="6" spans="1:36" ht="38.25" customHeight="1">
      <c r="A6" s="392"/>
      <c r="B6" s="826" t="s">
        <v>12</v>
      </c>
      <c r="C6" s="827"/>
      <c r="D6" s="828" t="s">
        <v>580</v>
      </c>
      <c r="E6" s="829"/>
      <c r="F6" s="829"/>
      <c r="G6" s="829"/>
      <c r="H6" s="829"/>
      <c r="I6" s="830"/>
      <c r="J6" s="828" t="s">
        <v>565</v>
      </c>
      <c r="K6" s="829"/>
      <c r="L6" s="829"/>
      <c r="M6" s="829"/>
      <c r="N6" s="829"/>
      <c r="O6" s="830"/>
      <c r="P6" s="831" t="s">
        <v>595</v>
      </c>
      <c r="Q6" s="831" t="s">
        <v>596</v>
      </c>
      <c r="R6" s="833"/>
      <c r="S6" s="392"/>
      <c r="T6" s="826" t="s">
        <v>12</v>
      </c>
      <c r="U6" s="827"/>
      <c r="V6" s="828" t="s">
        <v>580</v>
      </c>
      <c r="W6" s="829"/>
      <c r="X6" s="829"/>
      <c r="Y6" s="829"/>
      <c r="Z6" s="829"/>
      <c r="AA6" s="830"/>
      <c r="AB6" s="828" t="s">
        <v>565</v>
      </c>
      <c r="AC6" s="829"/>
      <c r="AD6" s="829"/>
      <c r="AE6" s="829"/>
      <c r="AF6" s="829"/>
      <c r="AG6" s="830"/>
      <c r="AH6" s="831" t="s">
        <v>595</v>
      </c>
      <c r="AI6" s="831" t="s">
        <v>596</v>
      </c>
      <c r="AJ6" s="833"/>
    </row>
    <row r="7" spans="1:36" ht="67.5" customHeight="1">
      <c r="A7" s="392"/>
      <c r="B7" s="415"/>
      <c r="C7" s="378"/>
      <c r="D7" s="831" t="s">
        <v>581</v>
      </c>
      <c r="E7" s="834"/>
      <c r="F7" s="833"/>
      <c r="G7" s="831" t="s">
        <v>582</v>
      </c>
      <c r="H7" s="834"/>
      <c r="I7" s="833"/>
      <c r="J7" s="831" t="s">
        <v>597</v>
      </c>
      <c r="K7" s="834"/>
      <c r="L7" s="833"/>
      <c r="M7" s="831" t="s">
        <v>598</v>
      </c>
      <c r="N7" s="834"/>
      <c r="O7" s="833"/>
      <c r="P7" s="832"/>
      <c r="Q7" s="835" t="s">
        <v>472</v>
      </c>
      <c r="R7" s="835" t="s">
        <v>473</v>
      </c>
      <c r="S7" s="392"/>
      <c r="T7" s="415"/>
      <c r="U7" s="378"/>
      <c r="V7" s="831" t="s">
        <v>581</v>
      </c>
      <c r="W7" s="834"/>
      <c r="X7" s="833"/>
      <c r="Y7" s="831" t="s">
        <v>582</v>
      </c>
      <c r="Z7" s="834"/>
      <c r="AA7" s="833"/>
      <c r="AB7" s="831" t="s">
        <v>597</v>
      </c>
      <c r="AC7" s="834"/>
      <c r="AD7" s="833"/>
      <c r="AE7" s="831" t="s">
        <v>598</v>
      </c>
      <c r="AF7" s="834"/>
      <c r="AG7" s="833"/>
      <c r="AH7" s="832"/>
      <c r="AI7" s="835" t="s">
        <v>472</v>
      </c>
      <c r="AJ7" s="835" t="s">
        <v>473</v>
      </c>
    </row>
    <row r="8" spans="1:36" ht="24.75" customHeight="1">
      <c r="A8" s="364"/>
      <c r="B8" s="416" t="s">
        <v>689</v>
      </c>
      <c r="C8" s="380"/>
      <c r="D8" s="417"/>
      <c r="E8" s="418" t="s">
        <v>599</v>
      </c>
      <c r="F8" s="418" t="s">
        <v>600</v>
      </c>
      <c r="G8" s="417"/>
      <c r="H8" s="418" t="s">
        <v>600</v>
      </c>
      <c r="I8" s="418" t="s">
        <v>601</v>
      </c>
      <c r="J8" s="417"/>
      <c r="K8" s="418" t="s">
        <v>599</v>
      </c>
      <c r="L8" s="418" t="s">
        <v>600</v>
      </c>
      <c r="M8" s="417"/>
      <c r="N8" s="418" t="s">
        <v>600</v>
      </c>
      <c r="O8" s="418" t="s">
        <v>601</v>
      </c>
      <c r="P8" s="417"/>
      <c r="Q8" s="836"/>
      <c r="R8" s="836"/>
      <c r="S8" s="392"/>
      <c r="T8" s="416" t="s">
        <v>687</v>
      </c>
      <c r="U8" s="380"/>
      <c r="V8" s="417"/>
      <c r="W8" s="418" t="s">
        <v>599</v>
      </c>
      <c r="X8" s="418" t="s">
        <v>600</v>
      </c>
      <c r="Y8" s="417"/>
      <c r="Z8" s="418" t="s">
        <v>600</v>
      </c>
      <c r="AA8" s="418" t="s">
        <v>601</v>
      </c>
      <c r="AB8" s="417"/>
      <c r="AC8" s="418" t="s">
        <v>599</v>
      </c>
      <c r="AD8" s="418" t="s">
        <v>600</v>
      </c>
      <c r="AE8" s="417"/>
      <c r="AF8" s="418" t="s">
        <v>600</v>
      </c>
      <c r="AG8" s="418" t="s">
        <v>601</v>
      </c>
      <c r="AH8" s="417"/>
      <c r="AI8" s="836"/>
      <c r="AJ8" s="836"/>
    </row>
    <row r="9" spans="1:36">
      <c r="A9" s="364"/>
      <c r="B9" s="419">
        <v>1</v>
      </c>
      <c r="C9" s="393" t="s">
        <v>470</v>
      </c>
      <c r="D9" s="728">
        <v>2031649.3467629573</v>
      </c>
      <c r="E9" s="728">
        <v>1971159.2786137729</v>
      </c>
      <c r="F9" s="728">
        <v>60490.0697840086</v>
      </c>
      <c r="G9" s="728">
        <v>16169.270935234699</v>
      </c>
      <c r="H9" s="728">
        <v>1279.58662250407</v>
      </c>
      <c r="I9" s="728">
        <v>14889.358112730601</v>
      </c>
      <c r="J9" s="728">
        <v>2064.48977083614</v>
      </c>
      <c r="K9" s="728">
        <v>972.16802324502407</v>
      </c>
      <c r="L9" s="728">
        <v>1092.32546779937</v>
      </c>
      <c r="M9" s="728">
        <v>7447.28141971885</v>
      </c>
      <c r="N9" s="728">
        <v>115.90395948216999</v>
      </c>
      <c r="O9" s="728">
        <v>7331.0890508098691</v>
      </c>
      <c r="P9" s="728">
        <v>323.07880251437899</v>
      </c>
      <c r="Q9" s="728">
        <v>975482.78243767994</v>
      </c>
      <c r="R9" s="728">
        <v>4319.14993807667</v>
      </c>
      <c r="S9" s="392"/>
      <c r="T9" s="419">
        <v>1</v>
      </c>
      <c r="U9" s="434" t="s">
        <v>470</v>
      </c>
      <c r="V9" s="473">
        <v>2050475.5403477936</v>
      </c>
      <c r="W9" s="473">
        <v>1986576.673296371</v>
      </c>
      <c r="X9" s="473">
        <v>63898.165886175702</v>
      </c>
      <c r="Y9" s="473">
        <v>16514.072220177703</v>
      </c>
      <c r="Z9" s="473">
        <v>1550.47128941337</v>
      </c>
      <c r="AA9" s="473">
        <v>14926.425495707899</v>
      </c>
      <c r="AB9" s="473">
        <v>2661.4142677653199</v>
      </c>
      <c r="AC9" s="473">
        <v>1286.5956832141101</v>
      </c>
      <c r="AD9" s="473">
        <v>1374.8138738724401</v>
      </c>
      <c r="AE9" s="473">
        <v>6815.3808029949305</v>
      </c>
      <c r="AF9" s="473">
        <v>121.515377955446</v>
      </c>
      <c r="AG9" s="473">
        <v>6693.8603890394797</v>
      </c>
      <c r="AH9" s="473">
        <v>301.71221799263401</v>
      </c>
      <c r="AI9" s="473">
        <v>947435.48309207137</v>
      </c>
      <c r="AJ9" s="473">
        <v>5008.6584864264632</v>
      </c>
    </row>
    <row r="10" spans="1:36">
      <c r="A10" s="364"/>
      <c r="B10" s="420">
        <v>2</v>
      </c>
      <c r="C10" s="421" t="s">
        <v>572</v>
      </c>
      <c r="D10" s="729">
        <v>329119.04068457882</v>
      </c>
      <c r="E10" s="729">
        <v>329118.79165062786</v>
      </c>
      <c r="F10" s="729">
        <v>0.24684999999999999</v>
      </c>
      <c r="G10" s="730">
        <v>0.26004300000000002</v>
      </c>
      <c r="H10" s="730"/>
      <c r="I10" s="730"/>
      <c r="J10" s="730">
        <v>2.6143737239999999E-2</v>
      </c>
      <c r="K10" s="730">
        <v>5.1347372399999994E-3</v>
      </c>
      <c r="L10" s="730">
        <v>2.1009E-2</v>
      </c>
      <c r="M10" s="730"/>
      <c r="N10" s="730"/>
      <c r="O10" s="730"/>
      <c r="P10" s="730"/>
      <c r="Q10" s="730"/>
      <c r="R10" s="730"/>
      <c r="S10" s="392"/>
      <c r="T10" s="420">
        <v>2</v>
      </c>
      <c r="U10" s="421" t="s">
        <v>572</v>
      </c>
      <c r="V10" s="474">
        <v>327727.43378865719</v>
      </c>
      <c r="W10" s="474">
        <v>327726.96742489829</v>
      </c>
      <c r="X10" s="474">
        <v>0.459706</v>
      </c>
      <c r="Y10" s="475">
        <v>292.39502799999997</v>
      </c>
      <c r="Z10" s="475">
        <v>292.39503000000002</v>
      </c>
      <c r="AA10" s="475"/>
      <c r="AB10" s="475">
        <v>5.7787169530000002E-2</v>
      </c>
      <c r="AC10" s="475">
        <v>4.71216953E-3</v>
      </c>
      <c r="AD10" s="475">
        <v>5.3075000000000004E-2</v>
      </c>
      <c r="AE10" s="475"/>
      <c r="AF10" s="475"/>
      <c r="AG10" s="475"/>
      <c r="AH10" s="475"/>
      <c r="AI10" s="475">
        <v>46.649431999999997</v>
      </c>
      <c r="AJ10" s="475">
        <v>5.1112999999999999E-2</v>
      </c>
    </row>
    <row r="11" spans="1:36">
      <c r="A11" s="364"/>
      <c r="B11" s="420">
        <v>3</v>
      </c>
      <c r="C11" s="421" t="s">
        <v>573</v>
      </c>
      <c r="D11" s="729">
        <v>15514.117880550601</v>
      </c>
      <c r="E11" s="729">
        <v>15434.962818649299</v>
      </c>
      <c r="F11" s="729">
        <v>79.15506190137701</v>
      </c>
      <c r="G11" s="730">
        <v>0.81899999999999995</v>
      </c>
      <c r="H11" s="730"/>
      <c r="I11" s="730">
        <v>0.81899999999999995</v>
      </c>
      <c r="J11" s="730">
        <v>5.1192040027619994</v>
      </c>
      <c r="K11" s="730">
        <v>1.345284954182</v>
      </c>
      <c r="L11" s="730">
        <v>3.7739190485799998</v>
      </c>
      <c r="M11" s="730">
        <v>0.81899999999999995</v>
      </c>
      <c r="N11" s="730"/>
      <c r="O11" s="730">
        <v>0.81899999999999995</v>
      </c>
      <c r="P11" s="730"/>
      <c r="Q11" s="730">
        <v>5103.4856335311406</v>
      </c>
      <c r="R11" s="730"/>
      <c r="S11" s="392"/>
      <c r="T11" s="420">
        <v>3</v>
      </c>
      <c r="U11" s="421" t="s">
        <v>573</v>
      </c>
      <c r="V11" s="474">
        <v>15984.3142432228</v>
      </c>
      <c r="W11" s="474">
        <v>15912.123923511701</v>
      </c>
      <c r="X11" s="474">
        <v>72.190319711157002</v>
      </c>
      <c r="Y11" s="475">
        <v>55.368779000000004</v>
      </c>
      <c r="Z11" s="475">
        <v>1.266E-3</v>
      </c>
      <c r="AA11" s="475">
        <v>55.367513000000002</v>
      </c>
      <c r="AB11" s="475">
        <v>2.6622403519289999</v>
      </c>
      <c r="AC11" s="475">
        <v>0.78116759584500006</v>
      </c>
      <c r="AD11" s="475">
        <v>1.8810727560830001</v>
      </c>
      <c r="AE11" s="475">
        <v>3.9300169999999999</v>
      </c>
      <c r="AF11" s="475">
        <v>7.3999999999999996E-5</v>
      </c>
      <c r="AG11" s="475">
        <v>3.9269430000000001</v>
      </c>
      <c r="AH11" s="475"/>
      <c r="AI11" s="475">
        <v>5180.2689007949193</v>
      </c>
      <c r="AJ11" s="475">
        <v>6.2557700000000001</v>
      </c>
    </row>
    <row r="12" spans="1:36">
      <c r="A12" s="364"/>
      <c r="B12" s="420">
        <v>4</v>
      </c>
      <c r="C12" s="421" t="s">
        <v>574</v>
      </c>
      <c r="D12" s="729">
        <v>39141.187110441097</v>
      </c>
      <c r="E12" s="729">
        <v>37249.156931449696</v>
      </c>
      <c r="F12" s="729">
        <v>1892.0253504780301</v>
      </c>
      <c r="G12" s="730">
        <v>22.407098000000001</v>
      </c>
      <c r="H12" s="730">
        <v>8.1528709999999993</v>
      </c>
      <c r="I12" s="730">
        <v>14.18807</v>
      </c>
      <c r="J12" s="730">
        <v>2.2310475322230001</v>
      </c>
      <c r="K12" s="730">
        <v>1.1605025322229998</v>
      </c>
      <c r="L12" s="730">
        <v>1.0705450000000001</v>
      </c>
      <c r="M12" s="730">
        <v>4.2102330000000006</v>
      </c>
      <c r="N12" s="730">
        <v>3.3055000000000001E-2</v>
      </c>
      <c r="O12" s="730">
        <v>4.1755719999999998</v>
      </c>
      <c r="P12" s="730"/>
      <c r="Q12" s="730">
        <v>4726.3986684371903</v>
      </c>
      <c r="R12" s="730">
        <v>0.94630300000000001</v>
      </c>
      <c r="S12" s="392"/>
      <c r="T12" s="420">
        <v>4</v>
      </c>
      <c r="U12" s="421" t="s">
        <v>574</v>
      </c>
      <c r="V12" s="474">
        <v>36375.862096772806</v>
      </c>
      <c r="W12" s="474">
        <v>35186.445324946595</v>
      </c>
      <c r="X12" s="474">
        <v>1189.4171706168299</v>
      </c>
      <c r="Y12" s="475">
        <v>12.292634</v>
      </c>
      <c r="Z12" s="475">
        <v>7.1259600000000001</v>
      </c>
      <c r="AA12" s="475">
        <v>5.0726300000000002</v>
      </c>
      <c r="AB12" s="475">
        <v>2.9207778964809998</v>
      </c>
      <c r="AC12" s="475">
        <v>1.5830830648050001</v>
      </c>
      <c r="AD12" s="475">
        <v>1.337694831676</v>
      </c>
      <c r="AE12" s="475">
        <v>1.7499570000000002</v>
      </c>
      <c r="AF12" s="475">
        <v>3.5879000000000001E-2</v>
      </c>
      <c r="AG12" s="475">
        <v>1.714078</v>
      </c>
      <c r="AH12" s="475"/>
      <c r="AI12" s="475">
        <v>5015.6403309999996</v>
      </c>
      <c r="AJ12" s="475">
        <v>0.246722</v>
      </c>
    </row>
    <row r="13" spans="1:36">
      <c r="A13" s="364"/>
      <c r="B13" s="420">
        <v>5</v>
      </c>
      <c r="C13" s="421" t="s">
        <v>575</v>
      </c>
      <c r="D13" s="729">
        <v>93164.532665238599</v>
      </c>
      <c r="E13" s="729">
        <v>92203.6682584511</v>
      </c>
      <c r="F13" s="729">
        <v>960.87305508234397</v>
      </c>
      <c r="G13" s="730">
        <v>459.05889200000001</v>
      </c>
      <c r="H13" s="730">
        <v>49.030307000000001</v>
      </c>
      <c r="I13" s="730">
        <v>410.02858299999997</v>
      </c>
      <c r="J13" s="730">
        <v>32.748230324033003</v>
      </c>
      <c r="K13" s="730">
        <v>27.166331688362</v>
      </c>
      <c r="L13" s="730">
        <v>5.581897635672</v>
      </c>
      <c r="M13" s="730">
        <v>211.96884899999998</v>
      </c>
      <c r="N13" s="730">
        <v>0.228799</v>
      </c>
      <c r="O13" s="730">
        <v>211.740025</v>
      </c>
      <c r="P13" s="730"/>
      <c r="Q13" s="730">
        <v>11809.876189419121</v>
      </c>
      <c r="R13" s="730">
        <v>0.32718700000000001</v>
      </c>
      <c r="S13" s="392"/>
      <c r="T13" s="420">
        <v>5</v>
      </c>
      <c r="U13" s="421" t="s">
        <v>575</v>
      </c>
      <c r="V13" s="474">
        <v>101357.524828379</v>
      </c>
      <c r="W13" s="474">
        <v>99878.122398139298</v>
      </c>
      <c r="X13" s="474">
        <v>1479.4043788983199</v>
      </c>
      <c r="Y13" s="475">
        <v>490.91134299999999</v>
      </c>
      <c r="Z13" s="475">
        <v>60.657389999999999</v>
      </c>
      <c r="AA13" s="475">
        <v>430.22604799999999</v>
      </c>
      <c r="AB13" s="475">
        <v>30.032849354985</v>
      </c>
      <c r="AC13" s="475">
        <v>23.244576897481</v>
      </c>
      <c r="AD13" s="475">
        <v>6.788271457504</v>
      </c>
      <c r="AE13" s="475">
        <v>128.46785499999999</v>
      </c>
      <c r="AF13" s="475">
        <v>0.41564899999999999</v>
      </c>
      <c r="AG13" s="475">
        <v>128.05220299999999</v>
      </c>
      <c r="AH13" s="475"/>
      <c r="AI13" s="475">
        <v>12765.605424391002</v>
      </c>
      <c r="AJ13" s="475">
        <v>9.0362109999999998</v>
      </c>
    </row>
    <row r="14" spans="1:36">
      <c r="A14" s="364"/>
      <c r="B14" s="420">
        <v>6</v>
      </c>
      <c r="C14" s="421" t="s">
        <v>576</v>
      </c>
      <c r="D14" s="729">
        <v>899006.62323417107</v>
      </c>
      <c r="E14" s="729">
        <v>866583.20246916695</v>
      </c>
      <c r="F14" s="729">
        <v>32423.420764003502</v>
      </c>
      <c r="G14" s="730">
        <v>13344.9125673546</v>
      </c>
      <c r="H14" s="730">
        <v>990.48294512989605</v>
      </c>
      <c r="I14" s="730">
        <v>12354.4296232247</v>
      </c>
      <c r="J14" s="730">
        <v>1311.11061983788</v>
      </c>
      <c r="K14" s="730">
        <v>611.34989665565502</v>
      </c>
      <c r="L14" s="730">
        <v>699.76454496367103</v>
      </c>
      <c r="M14" s="730">
        <v>6210.5943254509302</v>
      </c>
      <c r="N14" s="730">
        <v>99.078840285119995</v>
      </c>
      <c r="O14" s="730">
        <v>6111.4870961657998</v>
      </c>
      <c r="P14" s="730">
        <v>304.79299811437903</v>
      </c>
      <c r="Q14" s="730">
        <v>395251.41689656209</v>
      </c>
      <c r="R14" s="730">
        <v>3454.588315199876</v>
      </c>
      <c r="S14" s="392"/>
      <c r="T14" s="420">
        <v>6</v>
      </c>
      <c r="U14" s="421" t="s">
        <v>576</v>
      </c>
      <c r="V14" s="474">
        <v>929039.66376644745</v>
      </c>
      <c r="W14" s="474">
        <v>895497.77055107791</v>
      </c>
      <c r="X14" s="474">
        <v>33541.893215369601</v>
      </c>
      <c r="Y14" s="475">
        <v>13078.627964221099</v>
      </c>
      <c r="Z14" s="475">
        <v>973.03565071739195</v>
      </c>
      <c r="AA14" s="475">
        <v>12068.3622395037</v>
      </c>
      <c r="AB14" s="475">
        <v>1840.7290382293099</v>
      </c>
      <c r="AC14" s="475">
        <v>874.97150923771699</v>
      </c>
      <c r="AD14" s="475">
        <v>965.752819312832</v>
      </c>
      <c r="AE14" s="475">
        <v>5533.4812835058001</v>
      </c>
      <c r="AF14" s="475">
        <v>105.61634760629801</v>
      </c>
      <c r="AG14" s="475">
        <v>5427.8629858995</v>
      </c>
      <c r="AH14" s="475">
        <v>279.19898944763401</v>
      </c>
      <c r="AI14" s="475">
        <v>384752.39599962626</v>
      </c>
      <c r="AJ14" s="475">
        <v>4037.6609963031683</v>
      </c>
    </row>
    <row r="15" spans="1:36">
      <c r="A15" s="364"/>
      <c r="B15" s="420">
        <v>7</v>
      </c>
      <c r="C15" s="422" t="s">
        <v>602</v>
      </c>
      <c r="D15" s="729">
        <v>309511.066998241</v>
      </c>
      <c r="E15" s="729">
        <v>294551.98981251597</v>
      </c>
      <c r="F15" s="729">
        <v>14959.0771857248</v>
      </c>
      <c r="G15" s="730">
        <v>1865.73753730775</v>
      </c>
      <c r="H15" s="730">
        <v>112.10901344611399</v>
      </c>
      <c r="I15" s="730">
        <v>1753.6285238616399</v>
      </c>
      <c r="J15" s="730">
        <v>109.109748689876</v>
      </c>
      <c r="K15" s="730">
        <v>55.805858571032999</v>
      </c>
      <c r="L15" s="730">
        <v>53.303890118843</v>
      </c>
      <c r="M15" s="730">
        <v>468.62397622569898</v>
      </c>
      <c r="N15" s="730">
        <v>0.80942313872799998</v>
      </c>
      <c r="O15" s="730">
        <v>467.81455308697099</v>
      </c>
      <c r="P15" s="730">
        <v>8.5264346397659985</v>
      </c>
      <c r="Q15" s="730">
        <v>237922.49047100657</v>
      </c>
      <c r="R15" s="730">
        <v>753.24986434825701</v>
      </c>
      <c r="S15" s="392"/>
      <c r="T15" s="420">
        <v>7</v>
      </c>
      <c r="U15" s="422" t="s">
        <v>602</v>
      </c>
      <c r="V15" s="474">
        <v>310728.20890135271</v>
      </c>
      <c r="W15" s="474">
        <v>294886.13785369403</v>
      </c>
      <c r="X15" s="474">
        <v>15842.1239956876</v>
      </c>
      <c r="Y15" s="475">
        <v>1675.2668450348101</v>
      </c>
      <c r="Z15" s="475">
        <v>87.315190825915991</v>
      </c>
      <c r="AA15" s="475">
        <v>1584.78249017959</v>
      </c>
      <c r="AB15" s="475">
        <v>119.852869529033</v>
      </c>
      <c r="AC15" s="475">
        <v>77.053624755168997</v>
      </c>
      <c r="AD15" s="475">
        <v>42.799234305689005</v>
      </c>
      <c r="AE15" s="475">
        <v>381.118932371016</v>
      </c>
      <c r="AF15" s="475">
        <v>0.11887659564099999</v>
      </c>
      <c r="AG15" s="475">
        <v>381.00005577537502</v>
      </c>
      <c r="AH15" s="475">
        <v>8.9581931227980007</v>
      </c>
      <c r="AI15" s="475">
        <v>230776.87933171293</v>
      </c>
      <c r="AJ15" s="475">
        <v>653.97171474785705</v>
      </c>
    </row>
    <row r="16" spans="1:36">
      <c r="A16" s="364"/>
      <c r="B16" s="420">
        <v>8</v>
      </c>
      <c r="C16" s="421" t="s">
        <v>577</v>
      </c>
      <c r="D16" s="729">
        <v>655703.84518797335</v>
      </c>
      <c r="E16" s="729">
        <v>630569.49648543005</v>
      </c>
      <c r="F16" s="729">
        <v>25134.348702543401</v>
      </c>
      <c r="G16" s="730">
        <v>2341.8133348800498</v>
      </c>
      <c r="H16" s="730">
        <v>231.92049937417599</v>
      </c>
      <c r="I16" s="730">
        <v>2109.89283650588</v>
      </c>
      <c r="J16" s="730">
        <v>713.25452540200899</v>
      </c>
      <c r="K16" s="730">
        <v>331.14087267736301</v>
      </c>
      <c r="L16" s="730">
        <v>382.11355215144999</v>
      </c>
      <c r="M16" s="730">
        <v>1019.6890122679199</v>
      </c>
      <c r="N16" s="730">
        <v>16.563265197050001</v>
      </c>
      <c r="O16" s="730">
        <v>1002.86735764407</v>
      </c>
      <c r="P16" s="730">
        <v>18.2858044</v>
      </c>
      <c r="Q16" s="730">
        <v>558591.60504973039</v>
      </c>
      <c r="R16" s="730">
        <v>863.28813287679395</v>
      </c>
      <c r="S16" s="392"/>
      <c r="T16" s="420">
        <v>8</v>
      </c>
      <c r="U16" s="421" t="s">
        <v>577</v>
      </c>
      <c r="V16" s="474">
        <v>639990.7416243162</v>
      </c>
      <c r="W16" s="474">
        <v>612375.24367379292</v>
      </c>
      <c r="X16" s="474">
        <v>27614.8010955797</v>
      </c>
      <c r="Y16" s="473">
        <v>2584.4764719565501</v>
      </c>
      <c r="Z16" s="473">
        <v>217.25599269597799</v>
      </c>
      <c r="AA16" s="473">
        <v>2367.3970652041398</v>
      </c>
      <c r="AB16" s="473">
        <v>785.01157476308299</v>
      </c>
      <c r="AC16" s="473">
        <v>386.01063424873604</v>
      </c>
      <c r="AD16" s="473">
        <v>399.00094051434701</v>
      </c>
      <c r="AE16" s="473">
        <v>1147.7516904891402</v>
      </c>
      <c r="AF16" s="473">
        <v>15.447428349148</v>
      </c>
      <c r="AG16" s="473">
        <v>1132.3041791399899</v>
      </c>
      <c r="AH16" s="473">
        <v>22.513228545</v>
      </c>
      <c r="AI16" s="473">
        <v>539674.92300425889</v>
      </c>
      <c r="AJ16" s="473">
        <v>955.40767412329501</v>
      </c>
    </row>
    <row r="17" spans="1:36">
      <c r="A17" s="364"/>
      <c r="B17" s="419">
        <v>9</v>
      </c>
      <c r="C17" s="393" t="s">
        <v>469</v>
      </c>
      <c r="D17" s="728">
        <v>13841.559984</v>
      </c>
      <c r="E17" s="728">
        <v>13841.559984</v>
      </c>
      <c r="F17" s="728"/>
      <c r="G17" s="728"/>
      <c r="H17" s="728"/>
      <c r="I17" s="728"/>
      <c r="J17" s="728">
        <v>0.30558300000000005</v>
      </c>
      <c r="K17" s="728">
        <v>0.30558300000000005</v>
      </c>
      <c r="L17" s="728"/>
      <c r="M17" s="728"/>
      <c r="N17" s="728"/>
      <c r="O17" s="728"/>
      <c r="P17" s="728"/>
      <c r="Q17" s="728"/>
      <c r="R17" s="728"/>
      <c r="S17" s="392"/>
      <c r="T17" s="419">
        <v>9</v>
      </c>
      <c r="U17" s="434" t="s">
        <v>469</v>
      </c>
      <c r="V17" s="473">
        <v>14601.450426000001</v>
      </c>
      <c r="W17" s="473">
        <v>14601.450426000001</v>
      </c>
      <c r="X17" s="473"/>
      <c r="Y17" s="473"/>
      <c r="Z17" s="473"/>
      <c r="AA17" s="473"/>
      <c r="AB17" s="473">
        <v>0.64003399999999999</v>
      </c>
      <c r="AC17" s="473">
        <v>0.64003399999999999</v>
      </c>
      <c r="AD17" s="473"/>
      <c r="AE17" s="473"/>
      <c r="AF17" s="473"/>
      <c r="AG17" s="473"/>
      <c r="AH17" s="473"/>
      <c r="AI17" s="473"/>
      <c r="AJ17" s="473"/>
    </row>
    <row r="18" spans="1:36">
      <c r="A18" s="364"/>
      <c r="B18" s="420">
        <v>10</v>
      </c>
      <c r="C18" s="421" t="s">
        <v>572</v>
      </c>
      <c r="D18" s="729"/>
      <c r="E18" s="729"/>
      <c r="F18" s="729"/>
      <c r="G18" s="728"/>
      <c r="H18" s="728"/>
      <c r="I18" s="728"/>
      <c r="J18" s="728"/>
      <c r="K18" s="728"/>
      <c r="L18" s="728"/>
      <c r="M18" s="728"/>
      <c r="N18" s="728"/>
      <c r="O18" s="728"/>
      <c r="P18" s="728"/>
      <c r="Q18" s="728"/>
      <c r="R18" s="728"/>
      <c r="S18" s="392"/>
      <c r="T18" s="420">
        <v>10</v>
      </c>
      <c r="U18" s="421" t="s">
        <v>572</v>
      </c>
      <c r="V18" s="474"/>
      <c r="W18" s="474"/>
      <c r="X18" s="474"/>
      <c r="Y18" s="475"/>
      <c r="Z18" s="475"/>
      <c r="AA18" s="475"/>
      <c r="AB18" s="475"/>
      <c r="AC18" s="475"/>
      <c r="AD18" s="475"/>
      <c r="AE18" s="475"/>
      <c r="AF18" s="475"/>
      <c r="AG18" s="475"/>
      <c r="AH18" s="475"/>
      <c r="AI18" s="475"/>
      <c r="AJ18" s="475"/>
    </row>
    <row r="19" spans="1:36">
      <c r="A19" s="364"/>
      <c r="B19" s="420">
        <v>11</v>
      </c>
      <c r="C19" s="421" t="s">
        <v>573</v>
      </c>
      <c r="D19" s="729">
        <v>3089.5794660000001</v>
      </c>
      <c r="E19" s="729">
        <v>3089.5794660000001</v>
      </c>
      <c r="F19" s="729"/>
      <c r="G19" s="730"/>
      <c r="H19" s="730"/>
      <c r="I19" s="730"/>
      <c r="J19" s="730">
        <v>2.1018000000000002E-2</v>
      </c>
      <c r="K19" s="730">
        <v>2.1018000000000002E-2</v>
      </c>
      <c r="L19" s="730"/>
      <c r="M19" s="730"/>
      <c r="N19" s="730"/>
      <c r="O19" s="730"/>
      <c r="P19" s="730"/>
      <c r="Q19" s="730"/>
      <c r="R19" s="730"/>
      <c r="S19" s="392"/>
      <c r="T19" s="420">
        <v>11</v>
      </c>
      <c r="U19" s="421" t="s">
        <v>573</v>
      </c>
      <c r="V19" s="474">
        <v>3177.6100339999998</v>
      </c>
      <c r="W19" s="474">
        <v>3177.6100339999998</v>
      </c>
      <c r="X19" s="474"/>
      <c r="Y19" s="475"/>
      <c r="Z19" s="475"/>
      <c r="AA19" s="475"/>
      <c r="AB19" s="475">
        <v>5.7896999999999997E-2</v>
      </c>
      <c r="AC19" s="475">
        <v>5.7896999999999997E-2</v>
      </c>
      <c r="AD19" s="475"/>
      <c r="AE19" s="475"/>
      <c r="AF19" s="475"/>
      <c r="AG19" s="475"/>
      <c r="AH19" s="475"/>
      <c r="AI19" s="475"/>
      <c r="AJ19" s="475"/>
    </row>
    <row r="20" spans="1:36">
      <c r="A20" s="364"/>
      <c r="B20" s="420">
        <v>12</v>
      </c>
      <c r="C20" s="421" t="s">
        <v>574</v>
      </c>
      <c r="D20" s="729"/>
      <c r="E20" s="729"/>
      <c r="F20" s="729"/>
      <c r="G20" s="730"/>
      <c r="H20" s="730"/>
      <c r="I20" s="730"/>
      <c r="J20" s="730"/>
      <c r="K20" s="730"/>
      <c r="L20" s="730"/>
      <c r="M20" s="730"/>
      <c r="N20" s="730"/>
      <c r="O20" s="730"/>
      <c r="P20" s="730"/>
      <c r="Q20" s="730"/>
      <c r="R20" s="730"/>
      <c r="S20" s="392"/>
      <c r="T20" s="420">
        <v>12</v>
      </c>
      <c r="U20" s="421" t="s">
        <v>574</v>
      </c>
      <c r="V20" s="474"/>
      <c r="W20" s="474"/>
      <c r="X20" s="474"/>
      <c r="Y20" s="475"/>
      <c r="Z20" s="475"/>
      <c r="AA20" s="475"/>
      <c r="AB20" s="475"/>
      <c r="AC20" s="475"/>
      <c r="AD20" s="475"/>
      <c r="AE20" s="475"/>
      <c r="AF20" s="475"/>
      <c r="AG20" s="475"/>
      <c r="AH20" s="475"/>
      <c r="AI20" s="475"/>
      <c r="AJ20" s="475"/>
    </row>
    <row r="21" spans="1:36">
      <c r="A21" s="364"/>
      <c r="B21" s="420">
        <v>13</v>
      </c>
      <c r="C21" s="421" t="s">
        <v>575</v>
      </c>
      <c r="D21" s="729">
        <v>10751.980517999998</v>
      </c>
      <c r="E21" s="729">
        <v>10751.980517999998</v>
      </c>
      <c r="F21" s="729"/>
      <c r="G21" s="730"/>
      <c r="H21" s="730"/>
      <c r="I21" s="730"/>
      <c r="J21" s="730">
        <v>0.28456500000000001</v>
      </c>
      <c r="K21" s="730">
        <v>0.28456500000000001</v>
      </c>
      <c r="L21" s="730"/>
      <c r="M21" s="730"/>
      <c r="N21" s="730"/>
      <c r="O21" s="730"/>
      <c r="P21" s="730"/>
      <c r="Q21" s="730"/>
      <c r="R21" s="730"/>
      <c r="S21" s="392"/>
      <c r="T21" s="420">
        <v>13</v>
      </c>
      <c r="U21" s="421" t="s">
        <v>575</v>
      </c>
      <c r="V21" s="474">
        <v>11423.840392</v>
      </c>
      <c r="W21" s="474">
        <v>11423.840392</v>
      </c>
      <c r="X21" s="474"/>
      <c r="Y21" s="475"/>
      <c r="Z21" s="475"/>
      <c r="AA21" s="475"/>
      <c r="AB21" s="475">
        <v>0.5821369999999999</v>
      </c>
      <c r="AC21" s="475">
        <v>0.5821369999999999</v>
      </c>
      <c r="AD21" s="475"/>
      <c r="AE21" s="475"/>
      <c r="AF21" s="475"/>
      <c r="AG21" s="475"/>
      <c r="AH21" s="475"/>
      <c r="AI21" s="475"/>
      <c r="AJ21" s="475"/>
    </row>
    <row r="22" spans="1:36">
      <c r="A22" s="364"/>
      <c r="B22" s="420">
        <v>14</v>
      </c>
      <c r="C22" s="421" t="s">
        <v>576</v>
      </c>
      <c r="D22" s="729"/>
      <c r="E22" s="729"/>
      <c r="F22" s="729"/>
      <c r="G22" s="730"/>
      <c r="H22" s="730"/>
      <c r="I22" s="730"/>
      <c r="J22" s="730"/>
      <c r="K22" s="730"/>
      <c r="L22" s="730"/>
      <c r="M22" s="730"/>
      <c r="N22" s="730"/>
      <c r="O22" s="730"/>
      <c r="P22" s="730"/>
      <c r="Q22" s="730"/>
      <c r="R22" s="730"/>
      <c r="S22" s="392"/>
      <c r="T22" s="420">
        <v>14</v>
      </c>
      <c r="U22" s="421" t="s">
        <v>576</v>
      </c>
      <c r="V22" s="474"/>
      <c r="W22" s="474"/>
      <c r="X22" s="474"/>
      <c r="Y22" s="475"/>
      <c r="Z22" s="475"/>
      <c r="AA22" s="475"/>
      <c r="AB22" s="475"/>
      <c r="AC22" s="475"/>
      <c r="AD22" s="475"/>
      <c r="AE22" s="475"/>
      <c r="AF22" s="475"/>
      <c r="AG22" s="475"/>
      <c r="AH22" s="475"/>
      <c r="AI22" s="475"/>
      <c r="AJ22" s="475"/>
    </row>
    <row r="23" spans="1:36">
      <c r="A23" s="364"/>
      <c r="B23" s="419">
        <v>15</v>
      </c>
      <c r="C23" s="765" t="s">
        <v>475</v>
      </c>
      <c r="D23" s="728">
        <v>776786.80383865477</v>
      </c>
      <c r="E23" s="728">
        <v>760479.29685368505</v>
      </c>
      <c r="F23" s="728">
        <v>16307.5057656626</v>
      </c>
      <c r="G23" s="728">
        <v>767.60373361272002</v>
      </c>
      <c r="H23" s="728">
        <v>67.59789639415601</v>
      </c>
      <c r="I23" s="728">
        <v>700.00589821856499</v>
      </c>
      <c r="J23" s="728">
        <v>430.53759788929699</v>
      </c>
      <c r="K23" s="728">
        <v>259.54392608893801</v>
      </c>
      <c r="L23" s="728">
        <v>170.99575974474399</v>
      </c>
      <c r="M23" s="728">
        <v>222.21735936494397</v>
      </c>
      <c r="N23" s="728">
        <v>4.693830937774</v>
      </c>
      <c r="O23" s="728">
        <v>217.51960242717001</v>
      </c>
      <c r="P23" s="728"/>
      <c r="Q23" s="728">
        <v>27112.2397409757</v>
      </c>
      <c r="R23" s="728">
        <v>144.793715752568</v>
      </c>
      <c r="S23" s="764"/>
      <c r="T23" s="419">
        <v>15</v>
      </c>
      <c r="U23" s="765" t="s">
        <v>475</v>
      </c>
      <c r="V23" s="473">
        <v>759058.1816355047</v>
      </c>
      <c r="W23" s="473">
        <v>743334.94712395302</v>
      </c>
      <c r="X23" s="473">
        <v>15723.236492615599</v>
      </c>
      <c r="Y23" s="473">
        <v>1404.18019556236</v>
      </c>
      <c r="Z23" s="473">
        <v>356.24860703547898</v>
      </c>
      <c r="AA23" s="473">
        <v>824.96857815447993</v>
      </c>
      <c r="AB23" s="473">
        <v>614.24505108087999</v>
      </c>
      <c r="AC23" s="473">
        <v>402.31068117944403</v>
      </c>
      <c r="AD23" s="473">
        <v>211.93106590292899</v>
      </c>
      <c r="AE23" s="473">
        <v>278.83332910222703</v>
      </c>
      <c r="AF23" s="473">
        <v>15.579463297087999</v>
      </c>
      <c r="AG23" s="473">
        <v>263.25086580513903</v>
      </c>
      <c r="AH23" s="473"/>
      <c r="AI23" s="473">
        <v>7520.9727569925899</v>
      </c>
      <c r="AJ23" s="473">
        <v>45.341653334490999</v>
      </c>
    </row>
    <row r="24" spans="1:36">
      <c r="A24" s="364"/>
      <c r="B24" s="420">
        <v>16</v>
      </c>
      <c r="C24" s="421" t="s">
        <v>572</v>
      </c>
      <c r="D24" s="730">
        <v>4.3777448471560003</v>
      </c>
      <c r="E24" s="730">
        <v>4.3777448471560003</v>
      </c>
      <c r="F24" s="730"/>
      <c r="G24" s="730"/>
      <c r="H24" s="730"/>
      <c r="I24" s="730"/>
      <c r="J24" s="730">
        <v>1.5105731999999998E-4</v>
      </c>
      <c r="K24" s="730">
        <v>1.5105731999999998E-4</v>
      </c>
      <c r="L24" s="730"/>
      <c r="M24" s="730"/>
      <c r="N24" s="730"/>
      <c r="O24" s="730"/>
      <c r="P24" s="730"/>
      <c r="Q24" s="730"/>
      <c r="R24" s="730"/>
      <c r="S24" s="392"/>
      <c r="T24" s="420">
        <v>16</v>
      </c>
      <c r="U24" s="421" t="s">
        <v>572</v>
      </c>
      <c r="V24" s="475">
        <v>4.4420642972819993</v>
      </c>
      <c r="W24" s="475">
        <v>4.4420642972819993</v>
      </c>
      <c r="X24" s="475"/>
      <c r="Y24" s="475"/>
      <c r="Z24" s="475"/>
      <c r="AA24" s="475"/>
      <c r="AB24" s="475">
        <v>2.4580905000000001E-4</v>
      </c>
      <c r="AC24" s="475">
        <v>2.4580905000000001E-4</v>
      </c>
      <c r="AD24" s="475"/>
      <c r="AE24" s="475"/>
      <c r="AF24" s="475"/>
      <c r="AG24" s="475"/>
      <c r="AH24" s="475"/>
      <c r="AI24" s="475"/>
      <c r="AJ24" s="475"/>
    </row>
    <row r="25" spans="1:36">
      <c r="A25" s="364"/>
      <c r="B25" s="420">
        <v>17</v>
      </c>
      <c r="C25" s="421" t="s">
        <v>573</v>
      </c>
      <c r="D25" s="730">
        <v>22447.165800518014</v>
      </c>
      <c r="E25" s="730">
        <v>22436.75666896141</v>
      </c>
      <c r="F25" s="730">
        <v>10.404243699281999</v>
      </c>
      <c r="G25" s="730">
        <v>6.3174999999999995E-2</v>
      </c>
      <c r="H25" s="730"/>
      <c r="I25" s="730">
        <v>6.3174999999999995E-2</v>
      </c>
      <c r="J25" s="730">
        <v>0.63773017619299988</v>
      </c>
      <c r="K25" s="730">
        <v>0.31966004381899998</v>
      </c>
      <c r="L25" s="730">
        <v>0.31807113237399998</v>
      </c>
      <c r="M25" s="730">
        <v>7.5810000000000001E-3</v>
      </c>
      <c r="N25" s="730"/>
      <c r="O25" s="730">
        <v>7.5810000000000001E-3</v>
      </c>
      <c r="P25" s="730"/>
      <c r="Q25" s="730">
        <v>102.339432296193</v>
      </c>
      <c r="R25" s="730"/>
      <c r="S25" s="392"/>
      <c r="T25" s="420">
        <v>17</v>
      </c>
      <c r="U25" s="421" t="s">
        <v>573</v>
      </c>
      <c r="V25" s="475">
        <v>23024.09037963732</v>
      </c>
      <c r="W25" s="475">
        <v>23014.025583148217</v>
      </c>
      <c r="X25" s="475">
        <v>10.064796489052998</v>
      </c>
      <c r="Y25" s="475">
        <v>6.3174999999999995E-2</v>
      </c>
      <c r="Z25" s="475"/>
      <c r="AA25" s="475">
        <v>6.3174999999999995E-2</v>
      </c>
      <c r="AB25" s="475">
        <v>0.73969120255499998</v>
      </c>
      <c r="AC25" s="475">
        <v>0.37926820255499999</v>
      </c>
      <c r="AD25" s="475">
        <v>0.36042299999999999</v>
      </c>
      <c r="AE25" s="475">
        <v>7.5810000000000001E-3</v>
      </c>
      <c r="AF25" s="475"/>
      <c r="AG25" s="475">
        <v>7.5810000000000001E-3</v>
      </c>
      <c r="AH25" s="475"/>
      <c r="AI25" s="475"/>
      <c r="AJ25" s="475"/>
    </row>
    <row r="26" spans="1:36">
      <c r="A26" s="364"/>
      <c r="B26" s="420">
        <v>18</v>
      </c>
      <c r="C26" s="421" t="s">
        <v>574</v>
      </c>
      <c r="D26" s="730">
        <v>22073.303726551807</v>
      </c>
      <c r="E26" s="730">
        <v>20677.930145467697</v>
      </c>
      <c r="F26" s="730">
        <v>1395.3757814644</v>
      </c>
      <c r="G26" s="730">
        <v>38.970874000000002</v>
      </c>
      <c r="H26" s="730">
        <v>38.970874000000002</v>
      </c>
      <c r="I26" s="730"/>
      <c r="J26" s="730">
        <v>5.9377888276439998</v>
      </c>
      <c r="K26" s="730">
        <v>0.79160870063300004</v>
      </c>
      <c r="L26" s="730">
        <v>5.1461801270110001</v>
      </c>
      <c r="M26" s="730">
        <v>4.7159E-2</v>
      </c>
      <c r="N26" s="730">
        <v>4.7136000000000004E-2</v>
      </c>
      <c r="O26" s="730"/>
      <c r="P26" s="730"/>
      <c r="Q26" s="730">
        <v>619.53650756158595</v>
      </c>
      <c r="R26" s="730"/>
      <c r="S26" s="392"/>
      <c r="T26" s="420">
        <v>18</v>
      </c>
      <c r="U26" s="421" t="s">
        <v>574</v>
      </c>
      <c r="V26" s="475">
        <v>22369.996865998361</v>
      </c>
      <c r="W26" s="475">
        <v>20782.124051998358</v>
      </c>
      <c r="X26" s="475">
        <v>1587.8728140000001</v>
      </c>
      <c r="Y26" s="475">
        <v>55.328766000000002</v>
      </c>
      <c r="Z26" s="475">
        <v>1.0628649999999999</v>
      </c>
      <c r="AA26" s="475"/>
      <c r="AB26" s="475">
        <v>7.0817757331989997</v>
      </c>
      <c r="AC26" s="475">
        <v>1.039938733199</v>
      </c>
      <c r="AD26" s="475">
        <v>6.0418370000000001</v>
      </c>
      <c r="AE26" s="475">
        <v>6.96E-4</v>
      </c>
      <c r="AF26" s="475">
        <v>6.96E-4</v>
      </c>
      <c r="AG26" s="475"/>
      <c r="AH26" s="475"/>
      <c r="AI26" s="475"/>
      <c r="AJ26" s="475"/>
    </row>
    <row r="27" spans="1:36">
      <c r="A27" s="364"/>
      <c r="B27" s="420">
        <v>19</v>
      </c>
      <c r="C27" s="421" t="s">
        <v>575</v>
      </c>
      <c r="D27" s="730">
        <v>53117.792261589806</v>
      </c>
      <c r="E27" s="730">
        <v>52565.388116502509</v>
      </c>
      <c r="F27" s="730">
        <v>552.410642115786</v>
      </c>
      <c r="G27" s="730">
        <v>30.329174999999999</v>
      </c>
      <c r="H27" s="730"/>
      <c r="I27" s="730">
        <v>30.329174999999999</v>
      </c>
      <c r="J27" s="730">
        <v>4.2132814689469997</v>
      </c>
      <c r="K27" s="730">
        <v>3.7443370000599998</v>
      </c>
      <c r="L27" s="730">
        <v>0.46894446888699998</v>
      </c>
      <c r="M27" s="730">
        <v>16.078382000000001</v>
      </c>
      <c r="N27" s="730"/>
      <c r="O27" s="730">
        <v>16.067764</v>
      </c>
      <c r="P27" s="730"/>
      <c r="Q27" s="730">
        <v>37.908090420860006</v>
      </c>
      <c r="R27" s="730"/>
      <c r="S27" s="392"/>
      <c r="T27" s="420">
        <v>19</v>
      </c>
      <c r="U27" s="421" t="s">
        <v>575</v>
      </c>
      <c r="V27" s="475">
        <v>51287.383228354702</v>
      </c>
      <c r="W27" s="475">
        <v>50795.236167285002</v>
      </c>
      <c r="X27" s="475">
        <v>492.15004013331202</v>
      </c>
      <c r="Y27" s="475">
        <v>57.574963000000004</v>
      </c>
      <c r="Z27" s="475"/>
      <c r="AA27" s="475">
        <v>57.574963000000004</v>
      </c>
      <c r="AB27" s="475">
        <v>4.706356118535</v>
      </c>
      <c r="AC27" s="475">
        <v>3.9159880762700006</v>
      </c>
      <c r="AD27" s="475">
        <v>0.79037004226400009</v>
      </c>
      <c r="AE27" s="475">
        <v>10.193742</v>
      </c>
      <c r="AF27" s="475"/>
      <c r="AG27" s="475">
        <v>10.193742</v>
      </c>
      <c r="AH27" s="475"/>
      <c r="AI27" s="475">
        <v>34.024709999999999</v>
      </c>
      <c r="AJ27" s="475"/>
    </row>
    <row r="28" spans="1:36">
      <c r="A28" s="364"/>
      <c r="B28" s="420">
        <v>20</v>
      </c>
      <c r="C28" s="421" t="s">
        <v>576</v>
      </c>
      <c r="D28" s="730">
        <v>582532.91907788685</v>
      </c>
      <c r="E28" s="730">
        <v>571644.25112518528</v>
      </c>
      <c r="F28" s="730">
        <v>10888.66196407184</v>
      </c>
      <c r="G28" s="730">
        <v>679.45575943434596</v>
      </c>
      <c r="H28" s="730">
        <v>28.189559163513998</v>
      </c>
      <c r="I28" s="730">
        <v>651.26726127083202</v>
      </c>
      <c r="J28" s="730">
        <v>355.16139687347601</v>
      </c>
      <c r="K28" s="730">
        <v>216.48302273566497</v>
      </c>
      <c r="L28" s="730">
        <v>138.680462082194</v>
      </c>
      <c r="M28" s="730">
        <v>200.79328871502398</v>
      </c>
      <c r="N28" s="730">
        <v>4.6105917637129998</v>
      </c>
      <c r="O28" s="730">
        <v>196.19301795131099</v>
      </c>
      <c r="P28" s="730"/>
      <c r="Q28" s="730">
        <v>22860.678390942514</v>
      </c>
      <c r="R28" s="730">
        <v>142.160186500669</v>
      </c>
      <c r="S28" s="392"/>
      <c r="T28" s="420">
        <v>20</v>
      </c>
      <c r="U28" s="421" t="s">
        <v>576</v>
      </c>
      <c r="V28" s="475">
        <v>563610.32655165938</v>
      </c>
      <c r="W28" s="475">
        <v>554199.28640033433</v>
      </c>
      <c r="X28" s="475">
        <v>9411.0391523246981</v>
      </c>
      <c r="Y28" s="475">
        <v>1211.867964870075</v>
      </c>
      <c r="Z28" s="475">
        <v>354.56724038200605</v>
      </c>
      <c r="AA28" s="475">
        <v>751.16678906091806</v>
      </c>
      <c r="AB28" s="475">
        <v>537.44364508531896</v>
      </c>
      <c r="AC28" s="475">
        <v>355.60303821736102</v>
      </c>
      <c r="AD28" s="475">
        <v>181.83730186945101</v>
      </c>
      <c r="AE28" s="475">
        <v>262.84914573978205</v>
      </c>
      <c r="AF28" s="475">
        <v>15.539048139979</v>
      </c>
      <c r="AG28" s="475">
        <v>247.31109859980299</v>
      </c>
      <c r="AH28" s="475"/>
      <c r="AI28" s="475">
        <v>4368.35621999259</v>
      </c>
      <c r="AJ28" s="475">
        <v>36.879519867872006</v>
      </c>
    </row>
    <row r="29" spans="1:36">
      <c r="A29" s="364"/>
      <c r="B29" s="423">
        <v>21</v>
      </c>
      <c r="C29" s="424" t="s">
        <v>577</v>
      </c>
      <c r="D29" s="731">
        <v>96611.245227261636</v>
      </c>
      <c r="E29" s="731">
        <v>93150.593052721088</v>
      </c>
      <c r="F29" s="731">
        <v>3460.653134311267</v>
      </c>
      <c r="G29" s="731">
        <v>18.784750178374001</v>
      </c>
      <c r="H29" s="731">
        <v>0.43746323064100001</v>
      </c>
      <c r="I29" s="731">
        <v>18.346286947732999</v>
      </c>
      <c r="J29" s="731">
        <v>64.587249485718004</v>
      </c>
      <c r="K29" s="731">
        <v>38.205146551441004</v>
      </c>
      <c r="L29" s="731">
        <v>26.382101934276001</v>
      </c>
      <c r="M29" s="731">
        <v>5.2909486499199998</v>
      </c>
      <c r="N29" s="731">
        <v>3.6103174060999998E-2</v>
      </c>
      <c r="O29" s="731">
        <v>5.2512394758590002</v>
      </c>
      <c r="P29" s="731"/>
      <c r="Q29" s="731">
        <v>3491.777319754568</v>
      </c>
      <c r="R29" s="731">
        <v>2.6335292518990001</v>
      </c>
      <c r="S29" s="392"/>
      <c r="T29" s="423">
        <v>21</v>
      </c>
      <c r="U29" s="424" t="s">
        <v>577</v>
      </c>
      <c r="V29" s="476">
        <v>98761.942545558108</v>
      </c>
      <c r="W29" s="476">
        <v>94539.832856889567</v>
      </c>
      <c r="X29" s="476">
        <v>4222.1096896685558</v>
      </c>
      <c r="Y29" s="476">
        <v>79.345326692285994</v>
      </c>
      <c r="Z29" s="476">
        <v>0.61850165347300001</v>
      </c>
      <c r="AA29" s="476">
        <v>16.163651093562002</v>
      </c>
      <c r="AB29" s="476">
        <v>64.273337132221997</v>
      </c>
      <c r="AC29" s="476">
        <v>41.372202141008003</v>
      </c>
      <c r="AD29" s="476">
        <v>22.901133991214003</v>
      </c>
      <c r="AE29" s="476">
        <v>5.7821643624460002</v>
      </c>
      <c r="AF29" s="476">
        <v>3.9719157109000001E-2</v>
      </c>
      <c r="AG29" s="476">
        <v>5.7384442053370002</v>
      </c>
      <c r="AH29" s="476"/>
      <c r="AI29" s="476">
        <v>3118.1960539999995</v>
      </c>
      <c r="AJ29" s="476">
        <v>8.4621334666189991</v>
      </c>
    </row>
    <row r="30" spans="1:36">
      <c r="A30" s="425"/>
      <c r="B30" s="426">
        <v>22</v>
      </c>
      <c r="C30" s="394" t="s">
        <v>13</v>
      </c>
      <c r="D30" s="732">
        <v>2822277.7105856119</v>
      </c>
      <c r="E30" s="732">
        <v>2745480.1354514579</v>
      </c>
      <c r="F30" s="732">
        <v>76797.575549671194</v>
      </c>
      <c r="G30" s="732">
        <v>16936.87466884742</v>
      </c>
      <c r="H30" s="732">
        <v>1347.1845188982261</v>
      </c>
      <c r="I30" s="732">
        <v>15589.364010949166</v>
      </c>
      <c r="J30" s="732">
        <v>2495.3329517254369</v>
      </c>
      <c r="K30" s="732">
        <v>1232.017532333962</v>
      </c>
      <c r="L30" s="732">
        <v>1263.321227544114</v>
      </c>
      <c r="M30" s="732">
        <v>7669.498779083794</v>
      </c>
      <c r="N30" s="732">
        <v>120.59779041994399</v>
      </c>
      <c r="O30" s="732">
        <v>7548.6086532370391</v>
      </c>
      <c r="P30" s="732">
        <v>323.07880251437899</v>
      </c>
      <c r="Q30" s="732">
        <v>1002595.0221786556</v>
      </c>
      <c r="R30" s="732">
        <v>4463.9436538292375</v>
      </c>
      <c r="S30" s="392"/>
      <c r="T30" s="426">
        <v>22</v>
      </c>
      <c r="U30" s="435" t="s">
        <v>13</v>
      </c>
      <c r="V30" s="477">
        <v>2824135.1724092984</v>
      </c>
      <c r="W30" s="477">
        <v>2744513.0708463239</v>
      </c>
      <c r="X30" s="477">
        <v>79621.402378791303</v>
      </c>
      <c r="Y30" s="477">
        <v>17918.252415740062</v>
      </c>
      <c r="Z30" s="477">
        <v>1906.7198964488489</v>
      </c>
      <c r="AA30" s="477">
        <v>15751.394073862379</v>
      </c>
      <c r="AB30" s="477">
        <v>3276.2993528461998</v>
      </c>
      <c r="AC30" s="477">
        <v>1689.5463983935542</v>
      </c>
      <c r="AD30" s="477">
        <v>1586.7449397753692</v>
      </c>
      <c r="AE30" s="477">
        <v>7094.2141320971577</v>
      </c>
      <c r="AF30" s="477">
        <v>137.094841252534</v>
      </c>
      <c r="AG30" s="477">
        <v>6957.111254844619</v>
      </c>
      <c r="AH30" s="477">
        <v>301.71221799263401</v>
      </c>
      <c r="AI30" s="477">
        <v>954956.45584906393</v>
      </c>
      <c r="AJ30" s="477">
        <v>5054.000139760954</v>
      </c>
    </row>
    <row r="31" spans="1:36">
      <c r="A31" s="427"/>
      <c r="B31" s="392"/>
      <c r="C31" s="392"/>
      <c r="D31" s="392"/>
      <c r="E31" s="392"/>
      <c r="F31" s="392"/>
      <c r="G31" s="392"/>
      <c r="H31" s="392"/>
      <c r="I31" s="392"/>
      <c r="J31" s="392"/>
      <c r="K31" s="392"/>
      <c r="L31" s="392"/>
      <c r="M31" s="392"/>
      <c r="N31" s="392"/>
      <c r="O31" s="392"/>
      <c r="P31" s="392"/>
      <c r="Q31" s="392"/>
      <c r="R31" s="392"/>
      <c r="S31" s="392"/>
    </row>
    <row r="32" spans="1:36">
      <c r="A32" s="316"/>
    </row>
  </sheetData>
  <mergeCells count="22">
    <mergeCell ref="B6:C6"/>
    <mergeCell ref="D6:I6"/>
    <mergeCell ref="J6:O6"/>
    <mergeCell ref="P6:P7"/>
    <mergeCell ref="Q6:R6"/>
    <mergeCell ref="D7:F7"/>
    <mergeCell ref="G7:I7"/>
    <mergeCell ref="J7:L7"/>
    <mergeCell ref="M7:O7"/>
    <mergeCell ref="Q7:Q8"/>
    <mergeCell ref="R7:R8"/>
    <mergeCell ref="T6:U6"/>
    <mergeCell ref="V6:AA6"/>
    <mergeCell ref="AB6:AG6"/>
    <mergeCell ref="AH6:AH7"/>
    <mergeCell ref="AI6:AJ6"/>
    <mergeCell ref="V7:X7"/>
    <mergeCell ref="Y7:AA7"/>
    <mergeCell ref="AB7:AD7"/>
    <mergeCell ref="AE7:AG7"/>
    <mergeCell ref="AI7:AI8"/>
    <mergeCell ref="AJ7:AJ8"/>
  </mergeCells>
  <pageMargins left="0.7" right="0.7" top="0.75" bottom="0.75" header="0.3" footer="0.3"/>
  <pageSetup paperSize="9" scale="43" orientation="portrait" r:id="rId1"/>
  <colBreaks count="1" manualBreakCount="1">
    <brk id="18" max="29"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951FC4-F2D2-4349-8463-481402848446}">
  <sheetPr codeName="Sheet20"/>
  <dimension ref="A1:L18"/>
  <sheetViews>
    <sheetView zoomScaleNormal="100" workbookViewId="0">
      <selection activeCell="B3" sqref="B3"/>
    </sheetView>
  </sheetViews>
  <sheetFormatPr defaultColWidth="9" defaultRowHeight="13"/>
  <cols>
    <col min="1" max="1" width="9" style="317"/>
    <col min="2" max="2" width="4.08203125" style="317" customWidth="1"/>
    <col min="3" max="4" width="23.08203125" style="317" customWidth="1"/>
    <col min="5" max="5" width="25.25" style="317" customWidth="1"/>
    <col min="6" max="6" width="24.5" style="317" customWidth="1"/>
    <col min="7" max="7" width="9" style="317"/>
    <col min="8" max="8" width="4.08203125" style="317" customWidth="1"/>
    <col min="9" max="9" width="23.08203125" style="317" customWidth="1"/>
    <col min="10" max="10" width="9" style="317"/>
    <col min="11" max="12" width="25.25" style="317" customWidth="1"/>
    <col min="13" max="16384" width="9" style="317"/>
  </cols>
  <sheetData>
    <row r="1" spans="1:12" s="428" customFormat="1">
      <c r="A1" s="652" t="s">
        <v>685</v>
      </c>
      <c r="B1" s="652"/>
      <c r="C1" s="6"/>
    </row>
    <row r="2" spans="1:12">
      <c r="A2" s="316"/>
      <c r="G2" s="428"/>
      <c r="H2" s="428"/>
      <c r="I2" s="428"/>
    </row>
    <row r="3" spans="1:12">
      <c r="B3" s="321" t="s">
        <v>615</v>
      </c>
      <c r="C3" s="322"/>
      <c r="D3" s="323"/>
      <c r="F3" s="336"/>
    </row>
    <row r="4" spans="1:12">
      <c r="A4" s="323"/>
      <c r="B4" s="848"/>
      <c r="C4" s="848"/>
      <c r="D4" s="337"/>
      <c r="E4" s="337"/>
      <c r="F4" s="337"/>
      <c r="G4" s="323"/>
      <c r="H4" s="323"/>
    </row>
    <row r="5" spans="1:12">
      <c r="A5" s="323"/>
      <c r="B5" s="849"/>
      <c r="C5" s="849"/>
      <c r="D5" s="323"/>
      <c r="E5" s="370" t="s">
        <v>1</v>
      </c>
      <c r="F5" s="370" t="s">
        <v>2</v>
      </c>
      <c r="G5" s="323"/>
      <c r="H5" s="721"/>
      <c r="I5" s="721"/>
      <c r="J5" s="588"/>
      <c r="K5" s="611" t="s">
        <v>1</v>
      </c>
      <c r="L5" s="611" t="s">
        <v>2</v>
      </c>
    </row>
    <row r="6" spans="1:12" ht="13" customHeight="1">
      <c r="A6" s="364"/>
      <c r="B6" s="794" t="s">
        <v>12</v>
      </c>
      <c r="C6" s="841"/>
      <c r="D6" s="377"/>
      <c r="E6" s="850" t="s">
        <v>603</v>
      </c>
      <c r="F6" s="851"/>
      <c r="G6" s="323"/>
      <c r="H6" s="794" t="s">
        <v>12</v>
      </c>
      <c r="I6" s="841"/>
      <c r="J6" s="640"/>
      <c r="K6" s="842" t="s">
        <v>603</v>
      </c>
      <c r="L6" s="843"/>
    </row>
    <row r="7" spans="1:12">
      <c r="A7" s="364"/>
      <c r="B7" s="846"/>
      <c r="C7" s="847"/>
      <c r="D7" s="378"/>
      <c r="E7" s="852"/>
      <c r="F7" s="853"/>
      <c r="G7" s="323"/>
      <c r="H7" s="846"/>
      <c r="I7" s="847"/>
      <c r="J7" s="641"/>
      <c r="K7" s="844"/>
      <c r="L7" s="845"/>
    </row>
    <row r="8" spans="1:12">
      <c r="A8" s="364"/>
      <c r="B8" s="369" t="s">
        <v>689</v>
      </c>
      <c r="C8" s="379"/>
      <c r="D8" s="380"/>
      <c r="E8" s="365" t="s">
        <v>604</v>
      </c>
      <c r="F8" s="365" t="s">
        <v>605</v>
      </c>
      <c r="G8" s="323"/>
      <c r="H8" s="369" t="s">
        <v>687</v>
      </c>
      <c r="I8" s="379"/>
      <c r="J8" s="642"/>
      <c r="K8" s="643" t="s">
        <v>604</v>
      </c>
      <c r="L8" s="643" t="s">
        <v>605</v>
      </c>
    </row>
    <row r="9" spans="1:12" ht="21" customHeight="1">
      <c r="A9" s="364"/>
      <c r="B9" s="371">
        <v>1</v>
      </c>
      <c r="C9" s="854" t="s">
        <v>606</v>
      </c>
      <c r="D9" s="854"/>
      <c r="E9" s="366"/>
      <c r="F9" s="366"/>
      <c r="G9" s="323"/>
      <c r="H9" s="644">
        <v>1</v>
      </c>
      <c r="I9" s="839" t="s">
        <v>606</v>
      </c>
      <c r="J9" s="839"/>
      <c r="K9" s="645"/>
      <c r="L9" s="645"/>
    </row>
    <row r="10" spans="1:12" ht="21" customHeight="1">
      <c r="A10" s="364"/>
      <c r="B10" s="371">
        <v>2</v>
      </c>
      <c r="C10" s="854" t="s">
        <v>607</v>
      </c>
      <c r="D10" s="854"/>
      <c r="E10" s="366">
        <v>6.0947356776000001</v>
      </c>
      <c r="F10" s="366"/>
      <c r="G10" s="323"/>
      <c r="H10" s="644">
        <v>2</v>
      </c>
      <c r="I10" s="839" t="s">
        <v>607</v>
      </c>
      <c r="J10" s="839"/>
      <c r="K10" s="645"/>
      <c r="L10" s="645"/>
    </row>
    <row r="11" spans="1:12" ht="21" customHeight="1">
      <c r="A11" s="364"/>
      <c r="B11" s="372">
        <v>3</v>
      </c>
      <c r="C11" s="857" t="s">
        <v>608</v>
      </c>
      <c r="D11" s="857"/>
      <c r="E11" s="773"/>
      <c r="F11" s="773"/>
      <c r="G11" s="323"/>
      <c r="H11" s="646">
        <v>3</v>
      </c>
      <c r="I11" s="840" t="s">
        <v>608</v>
      </c>
      <c r="J11" s="840"/>
      <c r="K11" s="645"/>
      <c r="L11" s="645"/>
    </row>
    <row r="12" spans="1:12" ht="21" customHeight="1">
      <c r="A12" s="364"/>
      <c r="B12" s="372">
        <v>4</v>
      </c>
      <c r="C12" s="857" t="s">
        <v>609</v>
      </c>
      <c r="D12" s="857"/>
      <c r="E12" s="773">
        <v>6.0947356776000001</v>
      </c>
      <c r="F12" s="773"/>
      <c r="G12" s="323"/>
      <c r="H12" s="646">
        <v>4</v>
      </c>
      <c r="I12" s="840" t="s">
        <v>609</v>
      </c>
      <c r="J12" s="840"/>
      <c r="K12" s="645"/>
      <c r="L12" s="645"/>
    </row>
    <row r="13" spans="1:12" ht="21" customHeight="1">
      <c r="A13" s="364"/>
      <c r="B13" s="372">
        <v>5</v>
      </c>
      <c r="C13" s="857" t="s">
        <v>610</v>
      </c>
      <c r="D13" s="857"/>
      <c r="E13" s="773"/>
      <c r="F13" s="773"/>
      <c r="G13" s="323"/>
      <c r="H13" s="646">
        <v>5</v>
      </c>
      <c r="I13" s="840" t="s">
        <v>610</v>
      </c>
      <c r="J13" s="840"/>
      <c r="K13" s="645"/>
      <c r="L13" s="645"/>
    </row>
    <row r="14" spans="1:12" ht="21" customHeight="1">
      <c r="A14" s="364"/>
      <c r="B14" s="372">
        <v>6</v>
      </c>
      <c r="C14" s="857" t="s">
        <v>611</v>
      </c>
      <c r="D14" s="857"/>
      <c r="E14" s="773"/>
      <c r="F14" s="773"/>
      <c r="G14" s="323"/>
      <c r="H14" s="646">
        <v>6</v>
      </c>
      <c r="I14" s="840" t="s">
        <v>611</v>
      </c>
      <c r="J14" s="840"/>
      <c r="K14" s="645"/>
      <c r="L14" s="645"/>
    </row>
    <row r="15" spans="1:12">
      <c r="A15" s="364"/>
      <c r="B15" s="375">
        <v>7</v>
      </c>
      <c r="C15" s="855" t="s">
        <v>109</v>
      </c>
      <c r="D15" s="855"/>
      <c r="E15" s="774"/>
      <c r="F15" s="774"/>
      <c r="G15" s="323"/>
      <c r="H15" s="647">
        <v>7</v>
      </c>
      <c r="I15" s="837" t="s">
        <v>109</v>
      </c>
      <c r="J15" s="837"/>
      <c r="K15" s="648"/>
      <c r="L15" s="648"/>
    </row>
    <row r="16" spans="1:12">
      <c r="A16" s="364"/>
      <c r="B16" s="373">
        <v>8</v>
      </c>
      <c r="C16" s="856" t="s">
        <v>13</v>
      </c>
      <c r="D16" s="856"/>
      <c r="E16" s="376">
        <v>6.0947356776000001</v>
      </c>
      <c r="F16" s="376"/>
      <c r="G16" s="323"/>
      <c r="H16" s="649">
        <v>8</v>
      </c>
      <c r="I16" s="838" t="s">
        <v>13</v>
      </c>
      <c r="J16" s="838"/>
      <c r="K16" s="650"/>
      <c r="L16" s="650"/>
    </row>
    <row r="17" spans="1:12" s="341" customFormat="1">
      <c r="A17" s="374"/>
      <c r="B17" s="368"/>
      <c r="C17" s="368"/>
      <c r="D17" s="368"/>
      <c r="E17" s="368"/>
      <c r="F17" s="368"/>
      <c r="G17" s="344"/>
      <c r="H17" s="323"/>
      <c r="I17" s="336"/>
      <c r="J17" s="336"/>
      <c r="K17" s="336"/>
      <c r="L17" s="344"/>
    </row>
    <row r="18" spans="1:12" s="341" customFormat="1">
      <c r="A18" s="340"/>
      <c r="H18" s="323"/>
      <c r="I18" s="336"/>
      <c r="J18" s="336"/>
      <c r="K18" s="336"/>
    </row>
  </sheetData>
  <mergeCells count="24">
    <mergeCell ref="C15:D15"/>
    <mergeCell ref="C16:D16"/>
    <mergeCell ref="C10:D10"/>
    <mergeCell ref="C11:D11"/>
    <mergeCell ref="C12:D12"/>
    <mergeCell ref="C13:D13"/>
    <mergeCell ref="C14:D14"/>
    <mergeCell ref="H6:I6"/>
    <mergeCell ref="K6:L7"/>
    <mergeCell ref="H7:I7"/>
    <mergeCell ref="I9:J9"/>
    <mergeCell ref="B4:C4"/>
    <mergeCell ref="B5:C5"/>
    <mergeCell ref="B6:C6"/>
    <mergeCell ref="E6:F7"/>
    <mergeCell ref="B7:C7"/>
    <mergeCell ref="C9:D9"/>
    <mergeCell ref="I15:J15"/>
    <mergeCell ref="I16:J16"/>
    <mergeCell ref="I10:J10"/>
    <mergeCell ref="I11:J11"/>
    <mergeCell ref="I12:J12"/>
    <mergeCell ref="I13:J13"/>
    <mergeCell ref="I14:J14"/>
  </mergeCells>
  <pageMargins left="0.7" right="0.7" top="0.75" bottom="0.75" header="0.3" footer="0.3"/>
  <pageSetup paperSize="9" scale="75" orientation="portrait" r:id="rId1"/>
  <colBreaks count="1" manualBreakCount="1">
    <brk id="6" max="15" man="1"/>
  </colBreaks>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Worksheets</vt:lpstr>
      </vt:variant>
      <vt:variant>
        <vt:i4>37</vt:i4>
      </vt:variant>
      <vt:variant>
        <vt:lpstr>Named Ranges</vt:lpstr>
      </vt:variant>
      <vt:variant>
        <vt:i4>22</vt:i4>
      </vt:variant>
    </vt:vector>
  </HeadingPairs>
  <TitlesOfParts>
    <vt:vector size="59" baseType="lpstr">
      <vt:lpstr>Cover sheet</vt:lpstr>
      <vt:lpstr>EU KM1</vt:lpstr>
      <vt:lpstr>EU CR1-A</vt:lpstr>
      <vt:lpstr>EU CR1-B</vt:lpstr>
      <vt:lpstr>EU CR1-C</vt:lpstr>
      <vt:lpstr>EU CQ1</vt:lpstr>
      <vt:lpstr>EU CQ3</vt:lpstr>
      <vt:lpstr>EU CR1</vt:lpstr>
      <vt:lpstr>EU CQ7</vt:lpstr>
      <vt:lpstr>MOR1</vt:lpstr>
      <vt:lpstr>MOR2</vt:lpstr>
      <vt:lpstr>PUBLGUAR</vt:lpstr>
      <vt:lpstr>EU CR2-A</vt:lpstr>
      <vt:lpstr>EU CR2-B</vt:lpstr>
      <vt:lpstr>EU CR3</vt:lpstr>
      <vt:lpstr>EU CR4</vt:lpstr>
      <vt:lpstr>EU CR5</vt:lpstr>
      <vt:lpstr>EU CR6</vt:lpstr>
      <vt:lpstr>EU CR7</vt:lpstr>
      <vt:lpstr>EU CCR1</vt:lpstr>
      <vt:lpstr>EU CCR2</vt:lpstr>
      <vt:lpstr>EU CCR3</vt:lpstr>
      <vt:lpstr>EU CCR4</vt:lpstr>
      <vt:lpstr>EU CCR5A</vt:lpstr>
      <vt:lpstr>EU CCR5B</vt:lpstr>
      <vt:lpstr>EU CCR6</vt:lpstr>
      <vt:lpstr>EU CCR8</vt:lpstr>
      <vt:lpstr>EU MR1</vt:lpstr>
      <vt:lpstr>EU MR2-A</vt:lpstr>
      <vt:lpstr>EU MR3</vt:lpstr>
      <vt:lpstr>EU OV1</vt:lpstr>
      <vt:lpstr>EU CR8</vt:lpstr>
      <vt:lpstr>EU CCR7</vt:lpstr>
      <vt:lpstr>EU MR2-B</vt:lpstr>
      <vt:lpstr>EU INS1</vt:lpstr>
      <vt:lpstr>OF</vt:lpstr>
      <vt:lpstr>Capital instruments</vt:lpstr>
      <vt:lpstr>'Capital instruments'!Print_Area</vt:lpstr>
      <vt:lpstr>'Cover sheet'!Print_Area</vt:lpstr>
      <vt:lpstr>'EU CCR4'!Print_Area</vt:lpstr>
      <vt:lpstr>'EU CQ1'!Print_Area</vt:lpstr>
      <vt:lpstr>'EU CQ3'!Print_Area</vt:lpstr>
      <vt:lpstr>'EU CQ7'!Print_Area</vt:lpstr>
      <vt:lpstr>'EU CR1'!Print_Area</vt:lpstr>
      <vt:lpstr>'EU CR1-A'!Print_Area</vt:lpstr>
      <vt:lpstr>'EU CR1-B'!Print_Area</vt:lpstr>
      <vt:lpstr>'EU CR1-C'!Print_Area</vt:lpstr>
      <vt:lpstr>'EU CR2-A'!Print_Area</vt:lpstr>
      <vt:lpstr>'EU CR2-B'!Print_Area</vt:lpstr>
      <vt:lpstr>'EU CR3'!Print_Area</vt:lpstr>
      <vt:lpstr>'EU CR6'!Print_Area</vt:lpstr>
      <vt:lpstr>'EU CR7'!Print_Area</vt:lpstr>
      <vt:lpstr>'EU CR8'!Print_Area</vt:lpstr>
      <vt:lpstr>'EU INS1'!Print_Area</vt:lpstr>
      <vt:lpstr>'EU KM1'!Print_Area</vt:lpstr>
      <vt:lpstr>'EU MR3'!Print_Area</vt:lpstr>
      <vt:lpstr>'MOR1'!Print_Area</vt:lpstr>
      <vt:lpstr>'MOR2'!Print_Area</vt:lpstr>
      <vt:lpstr>PUBLGUAR!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1-03-03T10:39:25Z</dcterms:created>
  <dcterms:modified xsi:type="dcterms:W3CDTF">2021-03-03T13:55:4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64522a4d-f12f-4888-8028-d80fdde3b7d9_Enabled">
    <vt:lpwstr>true</vt:lpwstr>
  </property>
  <property fmtid="{D5CDD505-2E9C-101B-9397-08002B2CF9AE}" pid="3" name="MSIP_Label_64522a4d-f12f-4888-8028-d80fdde3b7d9_SetDate">
    <vt:lpwstr>2021-03-03T13:55:43Z</vt:lpwstr>
  </property>
  <property fmtid="{D5CDD505-2E9C-101B-9397-08002B2CF9AE}" pid="4" name="MSIP_Label_64522a4d-f12f-4888-8028-d80fdde3b7d9_Method">
    <vt:lpwstr>Privileged</vt:lpwstr>
  </property>
  <property fmtid="{D5CDD505-2E9C-101B-9397-08002B2CF9AE}" pid="5" name="MSIP_Label_64522a4d-f12f-4888-8028-d80fdde3b7d9_Name">
    <vt:lpwstr>64522a4d-f12f-4888-8028-d80fdde3b7d9</vt:lpwstr>
  </property>
  <property fmtid="{D5CDD505-2E9C-101B-9397-08002B2CF9AE}" pid="6" name="MSIP_Label_64522a4d-f12f-4888-8028-d80fdde3b7d9_SiteId">
    <vt:lpwstr>9a8ff9e3-0e35-4620-a724-e9834dc50b51</vt:lpwstr>
  </property>
  <property fmtid="{D5CDD505-2E9C-101B-9397-08002B2CF9AE}" pid="7" name="MSIP_Label_64522a4d-f12f-4888-8028-d80fdde3b7d9_ActionId">
    <vt:lpwstr>73206ed8-ea12-4731-87e5-3ced71635f8b</vt:lpwstr>
  </property>
  <property fmtid="{D5CDD505-2E9C-101B-9397-08002B2CF9AE}" pid="8" name="MSIP_Label_64522a4d-f12f-4888-8028-d80fdde3b7d9_ContentBits">
    <vt:lpwstr>0</vt:lpwstr>
  </property>
</Properties>
</file>